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507\01_企画グループ\03_地域医療構想／保健医療計画\06_事業（サルビア／さくらネット・横須賀アライアンス／再整備事業など）\05_病棟等転換準備経費支援事業費補助\02_要綱・申請手引き\別に定める様式\R8\"/>
    </mc:Choice>
  </mc:AlternateContent>
  <xr:revisionPtr revIDLastSave="0" documentId="13_ncr:1_{2DEFE053-DE45-4DE6-BAE9-F1356593FA42}" xr6:coauthVersionLast="47" xr6:coauthVersionMax="47" xr10:uidLastSave="{00000000-0000-0000-0000-000000000000}"/>
  <bookViews>
    <workbookView xWindow="28680" yWindow="-120" windowWidth="29040" windowHeight="15720" activeTab="1" xr2:uid="{00000000-000D-0000-FFFF-FFFF00000000}"/>
  </bookViews>
  <sheets>
    <sheet name="3-1" sheetId="14" r:id="rId1"/>
    <sheet name="3-2" sheetId="15" r:id="rId2"/>
  </sheets>
  <externalReferences>
    <externalReference r:id="rId3"/>
  </externalReferences>
  <definedNames>
    <definedName name="_xlnm.Print_Area" localSheetId="0">'3-1'!$A$1:$I$33</definedName>
    <definedName name="事業分類">[1]事業分類・区分!$B$2:$H$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1" i="14" l="1"/>
  <c r="D21" i="15"/>
  <c r="E24" i="14" l="1"/>
  <c r="E28"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I12" authorId="0" shapeId="0" xr:uid="{00000000-0006-0000-0000-000001000000}">
      <text>
        <r>
          <rPr>
            <b/>
            <sz val="9"/>
            <color indexed="81"/>
            <rFont val="MS P ゴシック"/>
            <family val="3"/>
            <charset val="128"/>
          </rPr>
          <t xml:space="preserve">　給与については、給与台帳等の給与の支給根拠資料と突合せができるようにしてください。
　また、各総額の内訳が分かるように、備考欄に次の事項等を記載してください。
・「給料」：基本給月額
　　　　　　配置期間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E9" authorId="0" shapeId="0" xr:uid="{95FFC30B-93D9-41B0-8FCF-100028CF2095}">
      <text>
        <r>
          <rPr>
            <b/>
            <sz val="9"/>
            <color indexed="81"/>
            <rFont val="MS P ゴシック"/>
            <family val="3"/>
            <charset val="128"/>
          </rPr>
          <t>かかった費用の内訳を記載してください。
例：○名　○○円</t>
        </r>
      </text>
    </comment>
    <comment ref="E11" authorId="0" shapeId="0" xr:uid="{78360013-579C-445A-AD2A-0DA36C711CCD}">
      <text>
        <r>
          <rPr>
            <b/>
            <sz val="9"/>
            <color indexed="81"/>
            <rFont val="MS P ゴシック"/>
            <family val="3"/>
            <charset val="128"/>
          </rPr>
          <t>かかった費用の内訳を記載してください。
例：人材紹介会社手数料　○名　○円
　　広告掲載手数料　○月～○月　○円</t>
        </r>
      </text>
    </comment>
    <comment ref="E13" authorId="0" shapeId="0" xr:uid="{2D2875A4-C24E-41F4-8C97-7E0B6E024C63}">
      <text>
        <r>
          <rPr>
            <b/>
            <sz val="9"/>
            <color indexed="81"/>
            <rFont val="MS P ゴシック"/>
            <family val="3"/>
            <charset val="128"/>
          </rPr>
          <t>かかった費用の内訳を記載してください。
例：広告物印刷料　○円
　　広告掲載手数料　○月～○月　○円</t>
        </r>
      </text>
    </comment>
  </commentList>
</comments>
</file>

<file path=xl/sharedStrings.xml><?xml version="1.0" encoding="utf-8"?>
<sst xmlns="http://schemas.openxmlformats.org/spreadsheetml/2006/main" count="43" uniqueCount="35">
  <si>
    <t>（補助事業者名）</t>
    <phoneticPr fontId="7"/>
  </si>
  <si>
    <t>職種</t>
    <rPh sb="0" eb="2">
      <t>ショクシュ</t>
    </rPh>
    <phoneticPr fontId="1"/>
  </si>
  <si>
    <t>氏名</t>
    <rPh sb="0" eb="2">
      <t>シメイ</t>
    </rPh>
    <phoneticPr fontId="1"/>
  </si>
  <si>
    <t>項目</t>
    <rPh sb="0" eb="2">
      <t>コウモク</t>
    </rPh>
    <phoneticPr fontId="7"/>
  </si>
  <si>
    <t>備考</t>
    <rPh sb="0" eb="1">
      <t>ソナエ</t>
    </rPh>
    <rPh sb="1" eb="2">
      <t>コウ</t>
    </rPh>
    <phoneticPr fontId="1"/>
  </si>
  <si>
    <t xml:space="preserve"> 費用（a）</t>
    <rPh sb="1" eb="2">
      <t>ヒ</t>
    </rPh>
    <rPh sb="2" eb="3">
      <t>ヨウ</t>
    </rPh>
    <phoneticPr fontId="1"/>
  </si>
  <si>
    <t>円</t>
    <rPh sb="0" eb="1">
      <t>エン</t>
    </rPh>
    <phoneticPr fontId="7"/>
  </si>
  <si>
    <t>（内訳）</t>
    <rPh sb="1" eb="3">
      <t>ウチワケ</t>
    </rPh>
    <phoneticPr fontId="1"/>
  </si>
  <si>
    <t>円</t>
    <rPh sb="0" eb="1">
      <t>エン</t>
    </rPh>
    <phoneticPr fontId="1"/>
  </si>
  <si>
    <t xml:space="preserve"> 収益（b）</t>
    <rPh sb="1" eb="3">
      <t>シュウエキ</t>
    </rPh>
    <phoneticPr fontId="1"/>
  </si>
  <si>
    <t>寄附金</t>
    <phoneticPr fontId="7"/>
  </si>
  <si>
    <t>その他の収入</t>
    <phoneticPr fontId="7"/>
  </si>
  <si>
    <t xml:space="preserve"> 差引事業費（a－b）　　 　c</t>
    <phoneticPr fontId="1"/>
  </si>
  <si>
    <t>様式５別紙３－１</t>
    <rPh sb="0" eb="2">
      <t>ヨウシキ</t>
    </rPh>
    <rPh sb="3" eb="5">
      <t>ベッシ</t>
    </rPh>
    <phoneticPr fontId="1"/>
  </si>
  <si>
    <t>事　業　実　績　明　細　書</t>
    <rPh sb="0" eb="1">
      <t>コト</t>
    </rPh>
    <rPh sb="2" eb="3">
      <t>ゴウ</t>
    </rPh>
    <rPh sb="4" eb="5">
      <t>ジツ</t>
    </rPh>
    <rPh sb="6" eb="7">
      <t>イサオ</t>
    </rPh>
    <rPh sb="8" eb="9">
      <t>アキラ</t>
    </rPh>
    <rPh sb="10" eb="11">
      <t>ホソ</t>
    </rPh>
    <rPh sb="12" eb="13">
      <t>ショ</t>
    </rPh>
    <phoneticPr fontId="1"/>
  </si>
  <si>
    <t>※１　この様式は、要綱別表２に掲げる経費について作成すること。</t>
    <rPh sb="5" eb="7">
      <t>ヨウシキ</t>
    </rPh>
    <rPh sb="9" eb="11">
      <t>ヨウコウ</t>
    </rPh>
    <rPh sb="11" eb="13">
      <t>ベッピョウ</t>
    </rPh>
    <rPh sb="15" eb="16">
      <t>カカ</t>
    </rPh>
    <rPh sb="18" eb="20">
      <t>ケイヒ</t>
    </rPh>
    <rPh sb="24" eb="26">
      <t>サクセイ</t>
    </rPh>
    <phoneticPr fontId="1"/>
  </si>
  <si>
    <t>（医療機関名：　　　　　　　　　　　　　　）</t>
    <rPh sb="1" eb="3">
      <t>イリョウ</t>
    </rPh>
    <rPh sb="3" eb="5">
      <t>キカン</t>
    </rPh>
    <rPh sb="5" eb="6">
      <t>メイ</t>
    </rPh>
    <phoneticPr fontId="1"/>
  </si>
  <si>
    <t>(単位：円）</t>
    <rPh sb="1" eb="3">
      <t>タンイ</t>
    </rPh>
    <rPh sb="4" eb="5">
      <t>エン</t>
    </rPh>
    <phoneticPr fontId="1"/>
  </si>
  <si>
    <t>内　　　　　　　容</t>
    <rPh sb="0" eb="1">
      <t>ウチ</t>
    </rPh>
    <rPh sb="8" eb="9">
      <t>カタチ</t>
    </rPh>
    <phoneticPr fontId="1"/>
  </si>
  <si>
    <t>合　　計</t>
    <rPh sb="0" eb="1">
      <t>ゴウ</t>
    </rPh>
    <rPh sb="3" eb="4">
      <t>ケイ</t>
    </rPh>
    <phoneticPr fontId="1"/>
  </si>
  <si>
    <t>事業費用</t>
    <rPh sb="0" eb="2">
      <t>ジギョウ</t>
    </rPh>
    <rPh sb="2" eb="4">
      <t>ヒヨウ</t>
    </rPh>
    <phoneticPr fontId="1"/>
  </si>
  <si>
    <t>様式５別紙３－２</t>
    <rPh sb="0" eb="2">
      <t>ヨウシキ</t>
    </rPh>
    <rPh sb="3" eb="5">
      <t>ベッシ</t>
    </rPh>
    <phoneticPr fontId="1"/>
  </si>
  <si>
    <t>※　この様式は、要綱別表２に掲げる経費について記載すること。</t>
    <rPh sb="4" eb="6">
      <t>ヨウシキ</t>
    </rPh>
    <rPh sb="14" eb="15">
      <t>カカ</t>
    </rPh>
    <rPh sb="17" eb="19">
      <t>ケイヒ</t>
    </rPh>
    <rPh sb="23" eb="25">
      <t>キサイ</t>
    </rPh>
    <phoneticPr fontId="1"/>
  </si>
  <si>
    <t>※３　備考欄には算出方法を記入すること</t>
    <rPh sb="3" eb="5">
      <t>ビコウ</t>
    </rPh>
    <rPh sb="5" eb="6">
      <t>ラン</t>
    </rPh>
    <rPh sb="8" eb="10">
      <t>サンシュツ</t>
    </rPh>
    <rPh sb="10" eb="12">
      <t>ホウホウ</t>
    </rPh>
    <rPh sb="13" eb="15">
      <t>キニュウ</t>
    </rPh>
    <phoneticPr fontId="1"/>
  </si>
  <si>
    <t>　　役職手当</t>
    <rPh sb="2" eb="4">
      <t>ヤクショク</t>
    </rPh>
    <rPh sb="4" eb="6">
      <t>テアテ</t>
    </rPh>
    <phoneticPr fontId="1"/>
  </si>
  <si>
    <t>人件費
（基本給・夜勤手当・役職手当）</t>
    <rPh sb="0" eb="3">
      <t>ジンケンヒ</t>
    </rPh>
    <rPh sb="5" eb="8">
      <t>キホンキュウ</t>
    </rPh>
    <rPh sb="9" eb="13">
      <t>ヤキンテアテ</t>
    </rPh>
    <rPh sb="14" eb="16">
      <t>ヤクショク</t>
    </rPh>
    <rPh sb="16" eb="18">
      <t>テアテ</t>
    </rPh>
    <phoneticPr fontId="7"/>
  </si>
  <si>
    <t>職員募集に係る経費
（人件費除く）</t>
    <rPh sb="0" eb="2">
      <t>ショクイン</t>
    </rPh>
    <rPh sb="2" eb="4">
      <t>ボシュウ</t>
    </rPh>
    <rPh sb="5" eb="6">
      <t>カカ</t>
    </rPh>
    <rPh sb="7" eb="9">
      <t>ケイヒ</t>
    </rPh>
    <rPh sb="11" eb="14">
      <t>ジンケンヒ</t>
    </rPh>
    <rPh sb="14" eb="15">
      <t>ノゾ</t>
    </rPh>
    <phoneticPr fontId="7"/>
  </si>
  <si>
    <t>普及に係る経費
（人件費除く）</t>
    <rPh sb="0" eb="2">
      <t>フキュウ</t>
    </rPh>
    <rPh sb="3" eb="4">
      <t>カカ</t>
    </rPh>
    <rPh sb="5" eb="7">
      <t>ケイヒ</t>
    </rPh>
    <rPh sb="9" eb="12">
      <t>ジンケンヒ</t>
    </rPh>
    <rPh sb="12" eb="13">
      <t>ノゾ</t>
    </rPh>
    <phoneticPr fontId="7"/>
  </si>
  <si>
    <t>支出額（実績）</t>
    <rPh sb="0" eb="2">
      <t>シシュツ</t>
    </rPh>
    <rPh sb="2" eb="3">
      <t>ガク</t>
    </rPh>
    <rPh sb="4" eb="6">
      <t>ジッセキ</t>
    </rPh>
    <phoneticPr fontId="1"/>
  </si>
  <si>
    <t>　　夜勤手当</t>
    <rPh sb="2" eb="4">
      <t>ヤキン</t>
    </rPh>
    <rPh sb="4" eb="6">
      <t>テアテ</t>
    </rPh>
    <phoneticPr fontId="1"/>
  </si>
  <si>
    <t>　　基本給</t>
    <rPh sb="2" eb="5">
      <t>キホンキュウ</t>
    </rPh>
    <phoneticPr fontId="1"/>
  </si>
  <si>
    <t>総額</t>
    <rPh sb="0" eb="1">
      <t>フサ</t>
    </rPh>
    <rPh sb="1" eb="2">
      <t>ガク</t>
    </rPh>
    <phoneticPr fontId="1"/>
  </si>
  <si>
    <t>※４　上記の根拠資料等を添付すること。</t>
    <rPh sb="3" eb="5">
      <t>ジョウキ</t>
    </rPh>
    <rPh sb="6" eb="8">
      <t>コンキョ</t>
    </rPh>
    <rPh sb="8" eb="10">
      <t>シリョウ</t>
    </rPh>
    <rPh sb="10" eb="11">
      <t>トウ</t>
    </rPh>
    <rPh sb="12" eb="14">
      <t>テンプ</t>
    </rPh>
    <phoneticPr fontId="1"/>
  </si>
  <si>
    <t>※２ この様式は、訓練を行った職員ごとに作成すること</t>
    <rPh sb="5" eb="7">
      <t>ヨウシキ</t>
    </rPh>
    <rPh sb="9" eb="11">
      <t>クンレン</t>
    </rPh>
    <rPh sb="12" eb="13">
      <t>オコナ</t>
    </rPh>
    <rPh sb="15" eb="17">
      <t>ショクイン</t>
    </rPh>
    <rPh sb="20" eb="22">
      <t>サクセイ</t>
    </rPh>
    <phoneticPr fontId="7"/>
  </si>
  <si>
    <t>事 業 実 績 明 細 書</t>
    <rPh sb="0" eb="1">
      <t>コト</t>
    </rPh>
    <rPh sb="2" eb="3">
      <t>ゴウ</t>
    </rPh>
    <rPh sb="4" eb="5">
      <t>ジツ</t>
    </rPh>
    <rPh sb="6" eb="7">
      <t>イサオ</t>
    </rPh>
    <rPh sb="8" eb="9">
      <t>アキ</t>
    </rPh>
    <rPh sb="10" eb="11">
      <t>ホソ</t>
    </rPh>
    <rPh sb="12" eb="13">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1"/>
      <name val="ＭＳ Ｐゴシック"/>
      <family val="3"/>
      <charset val="128"/>
    </font>
    <font>
      <sz val="6"/>
      <name val="ＭＳ Ｐゴシック"/>
      <family val="3"/>
      <charset val="128"/>
    </font>
    <font>
      <sz val="11"/>
      <name val="ＭＳ 明朝"/>
      <family val="1"/>
      <charset val="128"/>
    </font>
    <font>
      <sz val="11"/>
      <name val="ＭＳ Ｐゴシック"/>
      <family val="3"/>
      <charset val="128"/>
    </font>
    <font>
      <sz val="12"/>
      <name val="ＭＳ 明朝"/>
      <family val="1"/>
      <charset val="128"/>
    </font>
    <font>
      <sz val="14"/>
      <name val="ＭＳ ゴシック"/>
      <family val="3"/>
      <charset val="128"/>
    </font>
    <font>
      <sz val="14"/>
      <name val="ＭＳ 明朝"/>
      <family val="1"/>
      <charset val="128"/>
    </font>
    <font>
      <sz val="6"/>
      <name val="ＭＳ Ｐゴシック"/>
      <family val="3"/>
      <charset val="128"/>
      <scheme val="minor"/>
    </font>
    <font>
      <sz val="10"/>
      <name val="ＭＳ 明朝"/>
      <family val="1"/>
      <charset val="128"/>
    </font>
    <font>
      <sz val="9"/>
      <name val="ＭＳ 明朝"/>
      <family val="1"/>
      <charset val="128"/>
    </font>
    <font>
      <b/>
      <sz val="9"/>
      <color indexed="81"/>
      <name val="MS P ゴシック"/>
      <family val="3"/>
      <charset val="128"/>
    </font>
    <font>
      <b/>
      <u/>
      <sz val="11"/>
      <color rgb="FFFF0000"/>
      <name val="ＭＳ 明朝"/>
      <family val="1"/>
      <charset val="128"/>
    </font>
    <font>
      <sz val="11"/>
      <color theme="1"/>
      <name val="ＭＳ Ｐゴシック"/>
      <family val="2"/>
      <scheme val="minor"/>
    </font>
  </fonts>
  <fills count="4">
    <fill>
      <patternFill patternType="none"/>
    </fill>
    <fill>
      <patternFill patternType="gray125"/>
    </fill>
    <fill>
      <patternFill patternType="solid">
        <fgColor rgb="FFFFFF99"/>
        <bgColor indexed="64"/>
      </patternFill>
    </fill>
    <fill>
      <patternFill patternType="solid">
        <fgColor theme="0"/>
        <bgColor indexed="64"/>
      </patternFill>
    </fill>
  </fills>
  <borders count="32">
    <border>
      <left/>
      <right/>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style="hair">
        <color indexed="64"/>
      </top>
      <bottom/>
      <diagonal/>
    </border>
    <border>
      <left/>
      <right style="thin">
        <color indexed="64"/>
      </right>
      <top style="hair">
        <color indexed="64"/>
      </top>
      <bottom/>
      <diagonal/>
    </border>
    <border>
      <left/>
      <right style="thin">
        <color indexed="64"/>
      </right>
      <top/>
      <bottom/>
      <diagonal/>
    </border>
    <border>
      <left style="hair">
        <color indexed="64"/>
      </left>
      <right/>
      <top/>
      <bottom/>
      <diagonal/>
    </border>
    <border>
      <left style="hair">
        <color indexed="64"/>
      </left>
      <right/>
      <top/>
      <bottom style="thin">
        <color indexed="64"/>
      </bottom>
      <diagonal/>
    </border>
    <border>
      <left style="thin">
        <color indexed="64"/>
      </left>
      <right style="hair">
        <color indexed="64"/>
      </right>
      <top/>
      <bottom/>
      <diagonal/>
    </border>
    <border>
      <left style="thin">
        <color indexed="64"/>
      </left>
      <right/>
      <top style="hair">
        <color indexed="64"/>
      </top>
      <bottom/>
      <diagonal/>
    </border>
    <border>
      <left/>
      <right/>
      <top style="hair">
        <color indexed="64"/>
      </top>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hair">
        <color indexed="64"/>
      </bottom>
      <diagonal/>
    </border>
  </borders>
  <cellStyleXfs count="6">
    <xf numFmtId="0" fontId="0" fillId="0" borderId="0"/>
    <xf numFmtId="38" fontId="3" fillId="0" borderId="0" applyFont="0" applyFill="0" applyBorder="0" applyAlignment="0" applyProtection="0"/>
    <xf numFmtId="38" fontId="3" fillId="0" borderId="0" applyFont="0" applyFill="0" applyBorder="0" applyAlignment="0" applyProtection="0">
      <alignment vertical="center"/>
    </xf>
    <xf numFmtId="0" fontId="3" fillId="0" borderId="0">
      <alignment vertical="center"/>
    </xf>
    <xf numFmtId="0" fontId="12" fillId="0" borderId="0"/>
    <xf numFmtId="38" fontId="12" fillId="0" borderId="0" applyFont="0" applyFill="0" applyBorder="0" applyAlignment="0" applyProtection="0">
      <alignment vertical="center"/>
    </xf>
  </cellStyleXfs>
  <cellXfs count="109">
    <xf numFmtId="0" fontId="0" fillId="0" borderId="0" xfId="0"/>
    <xf numFmtId="0" fontId="2" fillId="0" borderId="0" xfId="0" applyFont="1" applyAlignment="1">
      <alignment vertical="center"/>
    </xf>
    <xf numFmtId="0" fontId="4" fillId="0" borderId="0" xfId="0" applyFont="1" applyAlignment="1">
      <alignment vertical="center"/>
    </xf>
    <xf numFmtId="0" fontId="6" fillId="0" borderId="0" xfId="0" applyFont="1" applyAlignment="1">
      <alignment vertical="center"/>
    </xf>
    <xf numFmtId="0" fontId="4" fillId="0" borderId="0" xfId="0" applyFont="1" applyAlignment="1">
      <alignment horizontal="center" vertical="center"/>
    </xf>
    <xf numFmtId="0" fontId="4" fillId="0" borderId="0" xfId="0" applyFont="1" applyBorder="1" applyAlignment="1">
      <alignment horizontal="center" vertical="center"/>
    </xf>
    <xf numFmtId="0" fontId="4" fillId="0" borderId="5" xfId="0" applyFont="1" applyBorder="1" applyAlignment="1">
      <alignment horizontal="center" vertical="center"/>
    </xf>
    <xf numFmtId="0" fontId="2" fillId="2" borderId="6" xfId="0" applyFont="1" applyFill="1" applyBorder="1" applyAlignment="1">
      <alignment horizontal="center" vertical="center"/>
    </xf>
    <xf numFmtId="0" fontId="8" fillId="0" borderId="0" xfId="0" applyFont="1" applyAlignment="1">
      <alignment vertical="center"/>
    </xf>
    <xf numFmtId="0" fontId="2" fillId="0" borderId="5" xfId="0" applyFont="1" applyBorder="1" applyAlignment="1">
      <alignment vertical="center"/>
    </xf>
    <xf numFmtId="0" fontId="2" fillId="3" borderId="4" xfId="0" applyFont="1" applyFill="1" applyBorder="1" applyAlignment="1">
      <alignment vertical="center"/>
    </xf>
    <xf numFmtId="0" fontId="2" fillId="3" borderId="10" xfId="0" applyFont="1" applyFill="1" applyBorder="1" applyAlignment="1">
      <alignment vertical="center"/>
    </xf>
    <xf numFmtId="0" fontId="2" fillId="3" borderId="11" xfId="0" applyFont="1" applyFill="1" applyBorder="1" applyAlignment="1">
      <alignment vertical="center"/>
    </xf>
    <xf numFmtId="38" fontId="2" fillId="3" borderId="13" xfId="0" applyNumberFormat="1" applyFont="1" applyFill="1" applyBorder="1" applyAlignment="1">
      <alignment vertical="center"/>
    </xf>
    <xf numFmtId="0" fontId="2" fillId="3" borderId="14" xfId="0" applyFont="1" applyFill="1" applyBorder="1" applyAlignment="1">
      <alignment horizontal="center" vertical="center"/>
    </xf>
    <xf numFmtId="0" fontId="2" fillId="3" borderId="15" xfId="0" applyFont="1" applyFill="1" applyBorder="1" applyAlignment="1">
      <alignment vertical="center"/>
    </xf>
    <xf numFmtId="0" fontId="2" fillId="3" borderId="16" xfId="0" applyFont="1" applyFill="1" applyBorder="1" applyAlignment="1">
      <alignment vertical="center"/>
    </xf>
    <xf numFmtId="0" fontId="2" fillId="3" borderId="17" xfId="0" applyFont="1" applyFill="1" applyBorder="1" applyAlignment="1">
      <alignment vertical="center"/>
    </xf>
    <xf numFmtId="0" fontId="2" fillId="3" borderId="20" xfId="0" applyFont="1" applyFill="1" applyBorder="1" applyAlignment="1">
      <alignment vertical="center"/>
    </xf>
    <xf numFmtId="0" fontId="2" fillId="2" borderId="4" xfId="0" applyFont="1" applyFill="1" applyBorder="1" applyAlignment="1">
      <alignment vertical="center"/>
    </xf>
    <xf numFmtId="0" fontId="2" fillId="2" borderId="0" xfId="0" applyFont="1" applyFill="1" applyBorder="1" applyAlignment="1">
      <alignment vertical="center"/>
    </xf>
    <xf numFmtId="0" fontId="2" fillId="2" borderId="20" xfId="0" applyFont="1" applyFill="1" applyBorder="1" applyAlignment="1">
      <alignment vertical="center"/>
    </xf>
    <xf numFmtId="0" fontId="2" fillId="3" borderId="21" xfId="0" applyFont="1" applyFill="1" applyBorder="1" applyAlignment="1">
      <alignment vertical="center"/>
    </xf>
    <xf numFmtId="0" fontId="0" fillId="3" borderId="20" xfId="0" applyFont="1" applyFill="1" applyBorder="1" applyAlignment="1">
      <alignment vertical="center"/>
    </xf>
    <xf numFmtId="38" fontId="2" fillId="2" borderId="4" xfId="2" applyFont="1" applyFill="1" applyBorder="1" applyAlignment="1">
      <alignment vertical="center"/>
    </xf>
    <xf numFmtId="0" fontId="2" fillId="3" borderId="20" xfId="0" applyFont="1" applyFill="1" applyBorder="1" applyAlignment="1">
      <alignment horizontal="center" vertical="center"/>
    </xf>
    <xf numFmtId="0" fontId="2" fillId="0" borderId="21" xfId="0" applyFont="1" applyBorder="1" applyAlignment="1">
      <alignment vertical="center"/>
    </xf>
    <xf numFmtId="0" fontId="2" fillId="3" borderId="3" xfId="0" applyFont="1" applyFill="1" applyBorder="1" applyAlignment="1">
      <alignment vertical="center"/>
    </xf>
    <xf numFmtId="0" fontId="2" fillId="3" borderId="12" xfId="0" applyFont="1" applyFill="1" applyBorder="1" applyAlignment="1">
      <alignment vertical="center"/>
    </xf>
    <xf numFmtId="0" fontId="2" fillId="2" borderId="3" xfId="0" applyFont="1" applyFill="1" applyBorder="1" applyAlignment="1">
      <alignment vertical="center"/>
    </xf>
    <xf numFmtId="0" fontId="2" fillId="2" borderId="5" xfId="0" applyFont="1" applyFill="1" applyBorder="1" applyAlignment="1">
      <alignment vertical="center"/>
    </xf>
    <xf numFmtId="0" fontId="2" fillId="2" borderId="12" xfId="0" applyFont="1" applyFill="1" applyBorder="1" applyAlignment="1">
      <alignment vertical="center"/>
    </xf>
    <xf numFmtId="0" fontId="2" fillId="3" borderId="0" xfId="0" applyFont="1" applyFill="1" applyBorder="1" applyAlignment="1">
      <alignment vertical="center"/>
    </xf>
    <xf numFmtId="0" fontId="2" fillId="3" borderId="23" xfId="0" applyFont="1" applyFill="1" applyBorder="1" applyAlignment="1">
      <alignment vertical="center"/>
    </xf>
    <xf numFmtId="0" fontId="2" fillId="3" borderId="18" xfId="0" applyFont="1" applyFill="1" applyBorder="1" applyAlignment="1">
      <alignment vertical="center"/>
    </xf>
    <xf numFmtId="0" fontId="2" fillId="3" borderId="19" xfId="0" applyFont="1" applyFill="1" applyBorder="1" applyAlignment="1">
      <alignment vertical="center"/>
    </xf>
    <xf numFmtId="0" fontId="2" fillId="2" borderId="24" xfId="0" applyFont="1" applyFill="1" applyBorder="1" applyAlignment="1">
      <alignment vertical="center"/>
    </xf>
    <xf numFmtId="0" fontId="2" fillId="3" borderId="19" xfId="0" applyFont="1" applyFill="1" applyBorder="1" applyAlignment="1">
      <alignment horizontal="center" vertical="center"/>
    </xf>
    <xf numFmtId="0" fontId="2" fillId="3" borderId="24" xfId="0" applyFont="1" applyFill="1" applyBorder="1" applyAlignment="1">
      <alignment vertical="center"/>
    </xf>
    <xf numFmtId="0" fontId="2" fillId="3" borderId="25" xfId="0" applyFont="1" applyFill="1" applyBorder="1" applyAlignment="1">
      <alignment vertical="center"/>
    </xf>
    <xf numFmtId="0" fontId="2" fillId="0" borderId="4" xfId="0" applyFont="1" applyFill="1" applyBorder="1" applyAlignment="1">
      <alignment vertical="center"/>
    </xf>
    <xf numFmtId="0" fontId="2" fillId="3" borderId="26" xfId="0" applyFont="1" applyFill="1" applyBorder="1" applyAlignment="1">
      <alignment vertical="center"/>
    </xf>
    <xf numFmtId="0" fontId="2" fillId="3" borderId="27" xfId="0" applyFont="1" applyFill="1" applyBorder="1" applyAlignment="1">
      <alignment vertical="center"/>
    </xf>
    <xf numFmtId="0" fontId="2" fillId="2" borderId="15" xfId="0" applyFont="1" applyFill="1" applyBorder="1" applyAlignment="1">
      <alignment vertical="center"/>
    </xf>
    <xf numFmtId="0" fontId="2" fillId="3" borderId="17" xfId="0" applyFont="1" applyFill="1" applyBorder="1" applyAlignment="1">
      <alignment horizontal="center" vertical="center"/>
    </xf>
    <xf numFmtId="38" fontId="2" fillId="3" borderId="3" xfId="2" applyFont="1" applyFill="1" applyBorder="1" applyAlignment="1">
      <alignment vertical="center"/>
    </xf>
    <xf numFmtId="0" fontId="2" fillId="3" borderId="12" xfId="0" applyFont="1" applyFill="1" applyBorder="1" applyAlignment="1">
      <alignment horizontal="center" vertical="center"/>
    </xf>
    <xf numFmtId="0" fontId="2" fillId="3" borderId="5" xfId="0" applyFont="1" applyFill="1" applyBorder="1" applyAlignment="1">
      <alignment vertical="center"/>
    </xf>
    <xf numFmtId="0" fontId="2" fillId="0" borderId="0" xfId="0" applyFont="1" applyBorder="1" applyAlignment="1">
      <alignment vertical="center"/>
    </xf>
    <xf numFmtId="0" fontId="9" fillId="0" borderId="0" xfId="0" applyFont="1" applyBorder="1" applyAlignment="1">
      <alignment vertical="center"/>
    </xf>
    <xf numFmtId="0" fontId="3" fillId="0" borderId="0" xfId="3">
      <alignment vertical="center"/>
    </xf>
    <xf numFmtId="0" fontId="4" fillId="2" borderId="0" xfId="3" applyFont="1" applyFill="1" applyAlignment="1">
      <alignment horizontal="center" vertical="center"/>
    </xf>
    <xf numFmtId="0" fontId="2" fillId="0" borderId="0" xfId="3" applyFont="1" applyAlignment="1">
      <alignment horizontal="left" vertical="center"/>
    </xf>
    <xf numFmtId="0" fontId="4" fillId="0" borderId="0" xfId="3" applyFont="1" applyAlignment="1">
      <alignment horizontal="right" vertical="center"/>
    </xf>
    <xf numFmtId="0" fontId="2" fillId="0" borderId="0" xfId="3" applyFont="1">
      <alignment vertical="center"/>
    </xf>
    <xf numFmtId="0" fontId="2" fillId="0" borderId="0" xfId="3" applyFont="1" applyAlignment="1">
      <alignment horizontal="right" vertical="center"/>
    </xf>
    <xf numFmtId="0" fontId="2" fillId="0" borderId="6" xfId="3" applyFont="1" applyBorder="1" applyAlignment="1">
      <alignment horizontal="center" vertical="center"/>
    </xf>
    <xf numFmtId="0" fontId="2" fillId="2" borderId="6" xfId="3" applyFont="1" applyFill="1" applyBorder="1">
      <alignment vertical="center"/>
    </xf>
    <xf numFmtId="0" fontId="2" fillId="2" borderId="2" xfId="3" applyFont="1" applyFill="1" applyBorder="1">
      <alignment vertical="center"/>
    </xf>
    <xf numFmtId="0" fontId="2" fillId="2" borderId="30" xfId="3" applyFont="1" applyFill="1" applyBorder="1" applyAlignment="1">
      <alignment vertical="center" wrapText="1"/>
    </xf>
    <xf numFmtId="0" fontId="2" fillId="0" borderId="2" xfId="3" applyFont="1" applyBorder="1">
      <alignment vertical="center"/>
    </xf>
    <xf numFmtId="0" fontId="11" fillId="0" borderId="0" xfId="0" applyFont="1" applyAlignment="1">
      <alignment vertical="center"/>
    </xf>
    <xf numFmtId="0" fontId="2" fillId="3" borderId="3" xfId="0" applyFont="1" applyFill="1" applyBorder="1" applyAlignment="1">
      <alignment vertical="center"/>
    </xf>
    <xf numFmtId="0" fontId="4" fillId="0" borderId="0" xfId="3" applyFont="1" applyAlignment="1">
      <alignment horizontal="center" vertical="center"/>
    </xf>
    <xf numFmtId="38" fontId="2" fillId="0" borderId="4" xfId="2" applyFont="1" applyFill="1" applyBorder="1" applyAlignment="1">
      <alignment vertical="center"/>
    </xf>
    <xf numFmtId="0" fontId="2" fillId="0" borderId="22" xfId="0" applyFont="1" applyBorder="1" applyAlignment="1">
      <alignment vertical="center"/>
    </xf>
    <xf numFmtId="0" fontId="2" fillId="0" borderId="0" xfId="4" applyFont="1" applyAlignment="1">
      <alignment vertical="center"/>
    </xf>
    <xf numFmtId="0" fontId="4" fillId="0" borderId="0" xfId="4" applyFont="1" applyAlignment="1">
      <alignment vertical="center"/>
    </xf>
    <xf numFmtId="0" fontId="4" fillId="0" borderId="0" xfId="3" applyFont="1">
      <alignment vertical="center"/>
    </xf>
    <xf numFmtId="38" fontId="2" fillId="2" borderId="6" xfId="5" applyFont="1" applyFill="1" applyBorder="1" applyAlignment="1">
      <alignment vertical="center"/>
    </xf>
    <xf numFmtId="38" fontId="2" fillId="2" borderId="31" xfId="5" applyFont="1" applyFill="1" applyBorder="1" applyAlignment="1">
      <alignment vertical="center"/>
    </xf>
    <xf numFmtId="0" fontId="2" fillId="2" borderId="17" xfId="3" applyFont="1" applyFill="1" applyBorder="1">
      <alignment vertical="center"/>
    </xf>
    <xf numFmtId="38" fontId="2" fillId="2" borderId="2" xfId="5" applyFont="1" applyFill="1" applyBorder="1" applyAlignment="1">
      <alignment vertical="center"/>
    </xf>
    <xf numFmtId="38" fontId="2" fillId="2" borderId="30" xfId="5" applyFont="1" applyFill="1" applyBorder="1" applyAlignment="1">
      <alignment vertical="center"/>
    </xf>
    <xf numFmtId="38" fontId="2" fillId="0" borderId="2" xfId="5" applyFont="1" applyBorder="1" applyAlignment="1">
      <alignment vertical="center"/>
    </xf>
    <xf numFmtId="0" fontId="2" fillId="0" borderId="0" xfId="0" applyFont="1" applyBorder="1" applyAlignment="1">
      <alignment vertical="center"/>
    </xf>
    <xf numFmtId="0" fontId="2" fillId="0" borderId="0" xfId="0" applyFont="1" applyAlignment="1">
      <alignment horizontal="left" vertical="center"/>
    </xf>
    <xf numFmtId="0" fontId="5" fillId="0" borderId="0" xfId="0" applyFont="1" applyAlignment="1">
      <alignment horizontal="center" vertical="center" wrapText="1"/>
    </xf>
    <xf numFmtId="0" fontId="4" fillId="0" borderId="5" xfId="0" applyFont="1" applyBorder="1" applyAlignment="1">
      <alignment horizontal="center" vertical="center"/>
    </xf>
    <xf numFmtId="0" fontId="2" fillId="0" borderId="6" xfId="0" applyFont="1" applyBorder="1" applyAlignment="1">
      <alignment horizontal="center" vertical="center"/>
    </xf>
    <xf numFmtId="0" fontId="2" fillId="0" borderId="2" xfId="0" applyFont="1" applyBorder="1" applyAlignment="1">
      <alignment horizontal="center" vertical="center"/>
    </xf>
    <xf numFmtId="0" fontId="2" fillId="2" borderId="7" xfId="0" applyFont="1" applyFill="1" applyBorder="1" applyAlignment="1">
      <alignment horizontal="center" vertical="center"/>
    </xf>
    <xf numFmtId="0" fontId="2" fillId="2" borderId="8" xfId="0" applyFont="1" applyFill="1" applyBorder="1" applyAlignment="1">
      <alignment horizontal="center" vertical="center"/>
    </xf>
    <xf numFmtId="0" fontId="2" fillId="2" borderId="9" xfId="0" applyFont="1" applyFill="1" applyBorder="1" applyAlignment="1">
      <alignment horizontal="center" vertical="center"/>
    </xf>
    <xf numFmtId="0" fontId="2" fillId="0" borderId="1" xfId="0" applyFont="1" applyBorder="1" applyAlignment="1">
      <alignment horizontal="center" vertical="center" wrapText="1"/>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3" xfId="0" applyFont="1" applyBorder="1" applyAlignment="1">
      <alignment horizontal="center" vertical="center"/>
    </xf>
    <xf numFmtId="0" fontId="2" fillId="0" borderId="5" xfId="0" applyFont="1" applyBorder="1" applyAlignment="1">
      <alignment horizontal="center" vertical="center"/>
    </xf>
    <xf numFmtId="0" fontId="2" fillId="0" borderId="12" xfId="0" applyFont="1" applyBorder="1" applyAlignment="1">
      <alignment horizontal="center" vertical="center"/>
    </xf>
    <xf numFmtId="0" fontId="2" fillId="0" borderId="1" xfId="0" applyFont="1" applyBorder="1" applyAlignment="1">
      <alignment horizontal="center" vertical="center"/>
    </xf>
    <xf numFmtId="0" fontId="2" fillId="3" borderId="18" xfId="0" applyFont="1" applyFill="1" applyBorder="1" applyAlignment="1">
      <alignment vertical="center"/>
    </xf>
    <xf numFmtId="0" fontId="0" fillId="3" borderId="19" xfId="0" applyFont="1" applyFill="1" applyBorder="1" applyAlignment="1">
      <alignment vertical="center"/>
    </xf>
    <xf numFmtId="0" fontId="2" fillId="3" borderId="3" xfId="0" applyFont="1" applyFill="1" applyBorder="1" applyAlignment="1">
      <alignment vertical="center"/>
    </xf>
    <xf numFmtId="0" fontId="2" fillId="3" borderId="5" xfId="0" applyFont="1" applyFill="1" applyBorder="1" applyAlignment="1">
      <alignment vertical="center"/>
    </xf>
    <xf numFmtId="0" fontId="2" fillId="0" borderId="7" xfId="3" applyFont="1" applyBorder="1" applyAlignment="1">
      <alignment horizontal="left" vertical="center" indent="1"/>
    </xf>
    <xf numFmtId="0" fontId="2" fillId="0" borderId="9" xfId="3" applyFont="1" applyBorder="1" applyAlignment="1">
      <alignment horizontal="left" vertical="center" indent="1"/>
    </xf>
    <xf numFmtId="0" fontId="2" fillId="0" borderId="28" xfId="3" applyFont="1" applyBorder="1" applyAlignment="1">
      <alignment horizontal="left" vertical="center" indent="1"/>
    </xf>
    <xf numFmtId="0" fontId="2" fillId="0" borderId="29" xfId="3" applyFont="1" applyBorder="1" applyAlignment="1">
      <alignment horizontal="left" vertical="center" indent="1"/>
    </xf>
    <xf numFmtId="0" fontId="2" fillId="0" borderId="3" xfId="3" applyFont="1" applyBorder="1" applyAlignment="1">
      <alignment horizontal="center" vertical="center"/>
    </xf>
    <xf numFmtId="0" fontId="2" fillId="0" borderId="12" xfId="3" applyFont="1" applyBorder="1" applyAlignment="1">
      <alignment horizontal="center" vertical="center"/>
    </xf>
    <xf numFmtId="0" fontId="2" fillId="0" borderId="7" xfId="3" applyFont="1" applyBorder="1" applyAlignment="1">
      <alignment horizontal="center" vertical="center" wrapText="1"/>
    </xf>
    <xf numFmtId="0" fontId="2" fillId="0" borderId="9" xfId="3" applyFont="1" applyBorder="1" applyAlignment="1">
      <alignment horizontal="center" vertical="center"/>
    </xf>
    <xf numFmtId="0" fontId="2" fillId="0" borderId="3" xfId="3" applyFont="1" applyBorder="1" applyAlignment="1">
      <alignment horizontal="left" vertical="center" indent="1"/>
    </xf>
    <xf numFmtId="0" fontId="2" fillId="0" borderId="12" xfId="3" applyFont="1" applyBorder="1" applyAlignment="1">
      <alignment horizontal="left" vertical="center" indent="1"/>
    </xf>
    <xf numFmtId="0" fontId="4" fillId="0" borderId="0" xfId="3" applyFont="1" applyAlignment="1">
      <alignment horizontal="center" vertical="center"/>
    </xf>
    <xf numFmtId="0" fontId="2" fillId="0" borderId="7" xfId="3" applyFont="1" applyBorder="1" applyAlignment="1">
      <alignment horizontal="center" vertical="center"/>
    </xf>
    <xf numFmtId="0" fontId="2" fillId="0" borderId="7" xfId="3" applyFont="1" applyBorder="1" applyAlignment="1">
      <alignment horizontal="left" vertical="center" wrapText="1"/>
    </xf>
    <xf numFmtId="0" fontId="2" fillId="0" borderId="9" xfId="3" applyFont="1" applyBorder="1" applyAlignment="1">
      <alignment horizontal="left" vertical="center"/>
    </xf>
  </cellXfs>
  <cellStyles count="6">
    <cellStyle name="桁区切り" xfId="2" builtinId="6"/>
    <cellStyle name="桁区切り 2" xfId="1" xr:uid="{00000000-0005-0000-0000-000001000000}"/>
    <cellStyle name="桁区切り 3" xfId="5" xr:uid="{B9EA1BA0-4BC8-4065-A34A-21232E78825C}"/>
    <cellStyle name="標準" xfId="0" builtinId="0"/>
    <cellStyle name="標準 2" xfId="3" xr:uid="{00000000-0005-0000-0000-000003000000}"/>
    <cellStyle name="標準 3" xfId="4" xr:uid="{D04AFC63-1FF5-4D50-937D-29982136B8BA}"/>
  </cellStyles>
  <dxfs count="3">
    <dxf>
      <font>
        <condense val="0"/>
        <extend val="0"/>
        <color indexed="11"/>
      </font>
    </dxf>
    <dxf>
      <font>
        <condense val="0"/>
        <extend val="0"/>
        <color indexed="9"/>
      </font>
    </dxf>
    <dxf>
      <font>
        <condense val="0"/>
        <extend val="0"/>
        <color indexed="9"/>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U:\&#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L60"/>
  <sheetViews>
    <sheetView view="pageBreakPreview" zoomScaleNormal="100" zoomScaleSheetLayoutView="100" workbookViewId="0">
      <selection activeCell="B31" sqref="B31:I31"/>
    </sheetView>
  </sheetViews>
  <sheetFormatPr defaultColWidth="9" defaultRowHeight="20.100000000000001" customHeight="1"/>
  <cols>
    <col min="1" max="2" width="1.88671875" style="1" customWidth="1"/>
    <col min="3" max="3" width="10.6640625" style="1" customWidth="1"/>
    <col min="4" max="4" width="20.6640625" style="1" customWidth="1"/>
    <col min="5" max="5" width="15.6640625" style="1" customWidth="1"/>
    <col min="6" max="6" width="3.6640625" style="1" customWidth="1"/>
    <col min="7" max="9" width="13.6640625" style="1" customWidth="1"/>
    <col min="10" max="10" width="1.88671875" style="1" customWidth="1"/>
    <col min="11" max="256" width="9" style="1"/>
    <col min="257" max="258" width="1.88671875" style="1" customWidth="1"/>
    <col min="259" max="259" width="10.6640625" style="1" customWidth="1"/>
    <col min="260" max="260" width="20.6640625" style="1" customWidth="1"/>
    <col min="261" max="261" width="15.6640625" style="1" customWidth="1"/>
    <col min="262" max="262" width="3.6640625" style="1" customWidth="1"/>
    <col min="263" max="265" width="13.6640625" style="1" customWidth="1"/>
    <col min="266" max="266" width="1.88671875" style="1" customWidth="1"/>
    <col min="267" max="512" width="9" style="1"/>
    <col min="513" max="514" width="1.88671875" style="1" customWidth="1"/>
    <col min="515" max="515" width="10.6640625" style="1" customWidth="1"/>
    <col min="516" max="516" width="20.6640625" style="1" customWidth="1"/>
    <col min="517" max="517" width="15.6640625" style="1" customWidth="1"/>
    <col min="518" max="518" width="3.6640625" style="1" customWidth="1"/>
    <col min="519" max="521" width="13.6640625" style="1" customWidth="1"/>
    <col min="522" max="522" width="1.88671875" style="1" customWidth="1"/>
    <col min="523" max="768" width="9" style="1"/>
    <col min="769" max="770" width="1.88671875" style="1" customWidth="1"/>
    <col min="771" max="771" width="10.6640625" style="1" customWidth="1"/>
    <col min="772" max="772" width="20.6640625" style="1" customWidth="1"/>
    <col min="773" max="773" width="15.6640625" style="1" customWidth="1"/>
    <col min="774" max="774" width="3.6640625" style="1" customWidth="1"/>
    <col min="775" max="777" width="13.6640625" style="1" customWidth="1"/>
    <col min="778" max="778" width="1.88671875" style="1" customWidth="1"/>
    <col min="779" max="1024" width="9" style="1"/>
    <col min="1025" max="1026" width="1.88671875" style="1" customWidth="1"/>
    <col min="1027" max="1027" width="10.6640625" style="1" customWidth="1"/>
    <col min="1028" max="1028" width="20.6640625" style="1" customWidth="1"/>
    <col min="1029" max="1029" width="15.6640625" style="1" customWidth="1"/>
    <col min="1030" max="1030" width="3.6640625" style="1" customWidth="1"/>
    <col min="1031" max="1033" width="13.6640625" style="1" customWidth="1"/>
    <col min="1034" max="1034" width="1.88671875" style="1" customWidth="1"/>
    <col min="1035" max="1280" width="9" style="1"/>
    <col min="1281" max="1282" width="1.88671875" style="1" customWidth="1"/>
    <col min="1283" max="1283" width="10.6640625" style="1" customWidth="1"/>
    <col min="1284" max="1284" width="20.6640625" style="1" customWidth="1"/>
    <col min="1285" max="1285" width="15.6640625" style="1" customWidth="1"/>
    <col min="1286" max="1286" width="3.6640625" style="1" customWidth="1"/>
    <col min="1287" max="1289" width="13.6640625" style="1" customWidth="1"/>
    <col min="1290" max="1290" width="1.88671875" style="1" customWidth="1"/>
    <col min="1291" max="1536" width="9" style="1"/>
    <col min="1537" max="1538" width="1.88671875" style="1" customWidth="1"/>
    <col min="1539" max="1539" width="10.6640625" style="1" customWidth="1"/>
    <col min="1540" max="1540" width="20.6640625" style="1" customWidth="1"/>
    <col min="1541" max="1541" width="15.6640625" style="1" customWidth="1"/>
    <col min="1542" max="1542" width="3.6640625" style="1" customWidth="1"/>
    <col min="1543" max="1545" width="13.6640625" style="1" customWidth="1"/>
    <col min="1546" max="1546" width="1.88671875" style="1" customWidth="1"/>
    <col min="1547" max="1792" width="9" style="1"/>
    <col min="1793" max="1794" width="1.88671875" style="1" customWidth="1"/>
    <col min="1795" max="1795" width="10.6640625" style="1" customWidth="1"/>
    <col min="1796" max="1796" width="20.6640625" style="1" customWidth="1"/>
    <col min="1797" max="1797" width="15.6640625" style="1" customWidth="1"/>
    <col min="1798" max="1798" width="3.6640625" style="1" customWidth="1"/>
    <col min="1799" max="1801" width="13.6640625" style="1" customWidth="1"/>
    <col min="1802" max="1802" width="1.88671875" style="1" customWidth="1"/>
    <col min="1803" max="2048" width="9" style="1"/>
    <col min="2049" max="2050" width="1.88671875" style="1" customWidth="1"/>
    <col min="2051" max="2051" width="10.6640625" style="1" customWidth="1"/>
    <col min="2052" max="2052" width="20.6640625" style="1" customWidth="1"/>
    <col min="2053" max="2053" width="15.6640625" style="1" customWidth="1"/>
    <col min="2054" max="2054" width="3.6640625" style="1" customWidth="1"/>
    <col min="2055" max="2057" width="13.6640625" style="1" customWidth="1"/>
    <col min="2058" max="2058" width="1.88671875" style="1" customWidth="1"/>
    <col min="2059" max="2304" width="9" style="1"/>
    <col min="2305" max="2306" width="1.88671875" style="1" customWidth="1"/>
    <col min="2307" max="2307" width="10.6640625" style="1" customWidth="1"/>
    <col min="2308" max="2308" width="20.6640625" style="1" customWidth="1"/>
    <col min="2309" max="2309" width="15.6640625" style="1" customWidth="1"/>
    <col min="2310" max="2310" width="3.6640625" style="1" customWidth="1"/>
    <col min="2311" max="2313" width="13.6640625" style="1" customWidth="1"/>
    <col min="2314" max="2314" width="1.88671875" style="1" customWidth="1"/>
    <col min="2315" max="2560" width="9" style="1"/>
    <col min="2561" max="2562" width="1.88671875" style="1" customWidth="1"/>
    <col min="2563" max="2563" width="10.6640625" style="1" customWidth="1"/>
    <col min="2564" max="2564" width="20.6640625" style="1" customWidth="1"/>
    <col min="2565" max="2565" width="15.6640625" style="1" customWidth="1"/>
    <col min="2566" max="2566" width="3.6640625" style="1" customWidth="1"/>
    <col min="2567" max="2569" width="13.6640625" style="1" customWidth="1"/>
    <col min="2570" max="2570" width="1.88671875" style="1" customWidth="1"/>
    <col min="2571" max="2816" width="9" style="1"/>
    <col min="2817" max="2818" width="1.88671875" style="1" customWidth="1"/>
    <col min="2819" max="2819" width="10.6640625" style="1" customWidth="1"/>
    <col min="2820" max="2820" width="20.6640625" style="1" customWidth="1"/>
    <col min="2821" max="2821" width="15.6640625" style="1" customWidth="1"/>
    <col min="2822" max="2822" width="3.6640625" style="1" customWidth="1"/>
    <col min="2823" max="2825" width="13.6640625" style="1" customWidth="1"/>
    <col min="2826" max="2826" width="1.88671875" style="1" customWidth="1"/>
    <col min="2827" max="3072" width="9" style="1"/>
    <col min="3073" max="3074" width="1.88671875" style="1" customWidth="1"/>
    <col min="3075" max="3075" width="10.6640625" style="1" customWidth="1"/>
    <col min="3076" max="3076" width="20.6640625" style="1" customWidth="1"/>
    <col min="3077" max="3077" width="15.6640625" style="1" customWidth="1"/>
    <col min="3078" max="3078" width="3.6640625" style="1" customWidth="1"/>
    <col min="3079" max="3081" width="13.6640625" style="1" customWidth="1"/>
    <col min="3082" max="3082" width="1.88671875" style="1" customWidth="1"/>
    <col min="3083" max="3328" width="9" style="1"/>
    <col min="3329" max="3330" width="1.88671875" style="1" customWidth="1"/>
    <col min="3331" max="3331" width="10.6640625" style="1" customWidth="1"/>
    <col min="3332" max="3332" width="20.6640625" style="1" customWidth="1"/>
    <col min="3333" max="3333" width="15.6640625" style="1" customWidth="1"/>
    <col min="3334" max="3334" width="3.6640625" style="1" customWidth="1"/>
    <col min="3335" max="3337" width="13.6640625" style="1" customWidth="1"/>
    <col min="3338" max="3338" width="1.88671875" style="1" customWidth="1"/>
    <col min="3339" max="3584" width="9" style="1"/>
    <col min="3585" max="3586" width="1.88671875" style="1" customWidth="1"/>
    <col min="3587" max="3587" width="10.6640625" style="1" customWidth="1"/>
    <col min="3588" max="3588" width="20.6640625" style="1" customWidth="1"/>
    <col min="3589" max="3589" width="15.6640625" style="1" customWidth="1"/>
    <col min="3590" max="3590" width="3.6640625" style="1" customWidth="1"/>
    <col min="3591" max="3593" width="13.6640625" style="1" customWidth="1"/>
    <col min="3594" max="3594" width="1.88671875" style="1" customWidth="1"/>
    <col min="3595" max="3840" width="9" style="1"/>
    <col min="3841" max="3842" width="1.88671875" style="1" customWidth="1"/>
    <col min="3843" max="3843" width="10.6640625" style="1" customWidth="1"/>
    <col min="3844" max="3844" width="20.6640625" style="1" customWidth="1"/>
    <col min="3845" max="3845" width="15.6640625" style="1" customWidth="1"/>
    <col min="3846" max="3846" width="3.6640625" style="1" customWidth="1"/>
    <col min="3847" max="3849" width="13.6640625" style="1" customWidth="1"/>
    <col min="3850" max="3850" width="1.88671875" style="1" customWidth="1"/>
    <col min="3851" max="4096" width="9" style="1"/>
    <col min="4097" max="4098" width="1.88671875" style="1" customWidth="1"/>
    <col min="4099" max="4099" width="10.6640625" style="1" customWidth="1"/>
    <col min="4100" max="4100" width="20.6640625" style="1" customWidth="1"/>
    <col min="4101" max="4101" width="15.6640625" style="1" customWidth="1"/>
    <col min="4102" max="4102" width="3.6640625" style="1" customWidth="1"/>
    <col min="4103" max="4105" width="13.6640625" style="1" customWidth="1"/>
    <col min="4106" max="4106" width="1.88671875" style="1" customWidth="1"/>
    <col min="4107" max="4352" width="9" style="1"/>
    <col min="4353" max="4354" width="1.88671875" style="1" customWidth="1"/>
    <col min="4355" max="4355" width="10.6640625" style="1" customWidth="1"/>
    <col min="4356" max="4356" width="20.6640625" style="1" customWidth="1"/>
    <col min="4357" max="4357" width="15.6640625" style="1" customWidth="1"/>
    <col min="4358" max="4358" width="3.6640625" style="1" customWidth="1"/>
    <col min="4359" max="4361" width="13.6640625" style="1" customWidth="1"/>
    <col min="4362" max="4362" width="1.88671875" style="1" customWidth="1"/>
    <col min="4363" max="4608" width="9" style="1"/>
    <col min="4609" max="4610" width="1.88671875" style="1" customWidth="1"/>
    <col min="4611" max="4611" width="10.6640625" style="1" customWidth="1"/>
    <col min="4612" max="4612" width="20.6640625" style="1" customWidth="1"/>
    <col min="4613" max="4613" width="15.6640625" style="1" customWidth="1"/>
    <col min="4614" max="4614" width="3.6640625" style="1" customWidth="1"/>
    <col min="4615" max="4617" width="13.6640625" style="1" customWidth="1"/>
    <col min="4618" max="4618" width="1.88671875" style="1" customWidth="1"/>
    <col min="4619" max="4864" width="9" style="1"/>
    <col min="4865" max="4866" width="1.88671875" style="1" customWidth="1"/>
    <col min="4867" max="4867" width="10.6640625" style="1" customWidth="1"/>
    <col min="4868" max="4868" width="20.6640625" style="1" customWidth="1"/>
    <col min="4869" max="4869" width="15.6640625" style="1" customWidth="1"/>
    <col min="4870" max="4870" width="3.6640625" style="1" customWidth="1"/>
    <col min="4871" max="4873" width="13.6640625" style="1" customWidth="1"/>
    <col min="4874" max="4874" width="1.88671875" style="1" customWidth="1"/>
    <col min="4875" max="5120" width="9" style="1"/>
    <col min="5121" max="5122" width="1.88671875" style="1" customWidth="1"/>
    <col min="5123" max="5123" width="10.6640625" style="1" customWidth="1"/>
    <col min="5124" max="5124" width="20.6640625" style="1" customWidth="1"/>
    <col min="5125" max="5125" width="15.6640625" style="1" customWidth="1"/>
    <col min="5126" max="5126" width="3.6640625" style="1" customWidth="1"/>
    <col min="5127" max="5129" width="13.6640625" style="1" customWidth="1"/>
    <col min="5130" max="5130" width="1.88671875" style="1" customWidth="1"/>
    <col min="5131" max="5376" width="9" style="1"/>
    <col min="5377" max="5378" width="1.88671875" style="1" customWidth="1"/>
    <col min="5379" max="5379" width="10.6640625" style="1" customWidth="1"/>
    <col min="5380" max="5380" width="20.6640625" style="1" customWidth="1"/>
    <col min="5381" max="5381" width="15.6640625" style="1" customWidth="1"/>
    <col min="5382" max="5382" width="3.6640625" style="1" customWidth="1"/>
    <col min="5383" max="5385" width="13.6640625" style="1" customWidth="1"/>
    <col min="5386" max="5386" width="1.88671875" style="1" customWidth="1"/>
    <col min="5387" max="5632" width="9" style="1"/>
    <col min="5633" max="5634" width="1.88671875" style="1" customWidth="1"/>
    <col min="5635" max="5635" width="10.6640625" style="1" customWidth="1"/>
    <col min="5636" max="5636" width="20.6640625" style="1" customWidth="1"/>
    <col min="5637" max="5637" width="15.6640625" style="1" customWidth="1"/>
    <col min="5638" max="5638" width="3.6640625" style="1" customWidth="1"/>
    <col min="5639" max="5641" width="13.6640625" style="1" customWidth="1"/>
    <col min="5642" max="5642" width="1.88671875" style="1" customWidth="1"/>
    <col min="5643" max="5888" width="9" style="1"/>
    <col min="5889" max="5890" width="1.88671875" style="1" customWidth="1"/>
    <col min="5891" max="5891" width="10.6640625" style="1" customWidth="1"/>
    <col min="5892" max="5892" width="20.6640625" style="1" customWidth="1"/>
    <col min="5893" max="5893" width="15.6640625" style="1" customWidth="1"/>
    <col min="5894" max="5894" width="3.6640625" style="1" customWidth="1"/>
    <col min="5895" max="5897" width="13.6640625" style="1" customWidth="1"/>
    <col min="5898" max="5898" width="1.88671875" style="1" customWidth="1"/>
    <col min="5899" max="6144" width="9" style="1"/>
    <col min="6145" max="6146" width="1.88671875" style="1" customWidth="1"/>
    <col min="6147" max="6147" width="10.6640625" style="1" customWidth="1"/>
    <col min="6148" max="6148" width="20.6640625" style="1" customWidth="1"/>
    <col min="6149" max="6149" width="15.6640625" style="1" customWidth="1"/>
    <col min="6150" max="6150" width="3.6640625" style="1" customWidth="1"/>
    <col min="6151" max="6153" width="13.6640625" style="1" customWidth="1"/>
    <col min="6154" max="6154" width="1.88671875" style="1" customWidth="1"/>
    <col min="6155" max="6400" width="9" style="1"/>
    <col min="6401" max="6402" width="1.88671875" style="1" customWidth="1"/>
    <col min="6403" max="6403" width="10.6640625" style="1" customWidth="1"/>
    <col min="6404" max="6404" width="20.6640625" style="1" customWidth="1"/>
    <col min="6405" max="6405" width="15.6640625" style="1" customWidth="1"/>
    <col min="6406" max="6406" width="3.6640625" style="1" customWidth="1"/>
    <col min="6407" max="6409" width="13.6640625" style="1" customWidth="1"/>
    <col min="6410" max="6410" width="1.88671875" style="1" customWidth="1"/>
    <col min="6411" max="6656" width="9" style="1"/>
    <col min="6657" max="6658" width="1.88671875" style="1" customWidth="1"/>
    <col min="6659" max="6659" width="10.6640625" style="1" customWidth="1"/>
    <col min="6660" max="6660" width="20.6640625" style="1" customWidth="1"/>
    <col min="6661" max="6661" width="15.6640625" style="1" customWidth="1"/>
    <col min="6662" max="6662" width="3.6640625" style="1" customWidth="1"/>
    <col min="6663" max="6665" width="13.6640625" style="1" customWidth="1"/>
    <col min="6666" max="6666" width="1.88671875" style="1" customWidth="1"/>
    <col min="6667" max="6912" width="9" style="1"/>
    <col min="6913" max="6914" width="1.88671875" style="1" customWidth="1"/>
    <col min="6915" max="6915" width="10.6640625" style="1" customWidth="1"/>
    <col min="6916" max="6916" width="20.6640625" style="1" customWidth="1"/>
    <col min="6917" max="6917" width="15.6640625" style="1" customWidth="1"/>
    <col min="6918" max="6918" width="3.6640625" style="1" customWidth="1"/>
    <col min="6919" max="6921" width="13.6640625" style="1" customWidth="1"/>
    <col min="6922" max="6922" width="1.88671875" style="1" customWidth="1"/>
    <col min="6923" max="7168" width="9" style="1"/>
    <col min="7169" max="7170" width="1.88671875" style="1" customWidth="1"/>
    <col min="7171" max="7171" width="10.6640625" style="1" customWidth="1"/>
    <col min="7172" max="7172" width="20.6640625" style="1" customWidth="1"/>
    <col min="7173" max="7173" width="15.6640625" style="1" customWidth="1"/>
    <col min="7174" max="7174" width="3.6640625" style="1" customWidth="1"/>
    <col min="7175" max="7177" width="13.6640625" style="1" customWidth="1"/>
    <col min="7178" max="7178" width="1.88671875" style="1" customWidth="1"/>
    <col min="7179" max="7424" width="9" style="1"/>
    <col min="7425" max="7426" width="1.88671875" style="1" customWidth="1"/>
    <col min="7427" max="7427" width="10.6640625" style="1" customWidth="1"/>
    <col min="7428" max="7428" width="20.6640625" style="1" customWidth="1"/>
    <col min="7429" max="7429" width="15.6640625" style="1" customWidth="1"/>
    <col min="7430" max="7430" width="3.6640625" style="1" customWidth="1"/>
    <col min="7431" max="7433" width="13.6640625" style="1" customWidth="1"/>
    <col min="7434" max="7434" width="1.88671875" style="1" customWidth="1"/>
    <col min="7435" max="7680" width="9" style="1"/>
    <col min="7681" max="7682" width="1.88671875" style="1" customWidth="1"/>
    <col min="7683" max="7683" width="10.6640625" style="1" customWidth="1"/>
    <col min="7684" max="7684" width="20.6640625" style="1" customWidth="1"/>
    <col min="7685" max="7685" width="15.6640625" style="1" customWidth="1"/>
    <col min="7686" max="7686" width="3.6640625" style="1" customWidth="1"/>
    <col min="7687" max="7689" width="13.6640625" style="1" customWidth="1"/>
    <col min="7690" max="7690" width="1.88671875" style="1" customWidth="1"/>
    <col min="7691" max="7936" width="9" style="1"/>
    <col min="7937" max="7938" width="1.88671875" style="1" customWidth="1"/>
    <col min="7939" max="7939" width="10.6640625" style="1" customWidth="1"/>
    <col min="7940" max="7940" width="20.6640625" style="1" customWidth="1"/>
    <col min="7941" max="7941" width="15.6640625" style="1" customWidth="1"/>
    <col min="7942" max="7942" width="3.6640625" style="1" customWidth="1"/>
    <col min="7943" max="7945" width="13.6640625" style="1" customWidth="1"/>
    <col min="7946" max="7946" width="1.88671875" style="1" customWidth="1"/>
    <col min="7947" max="8192" width="9" style="1"/>
    <col min="8193" max="8194" width="1.88671875" style="1" customWidth="1"/>
    <col min="8195" max="8195" width="10.6640625" style="1" customWidth="1"/>
    <col min="8196" max="8196" width="20.6640625" style="1" customWidth="1"/>
    <col min="8197" max="8197" width="15.6640625" style="1" customWidth="1"/>
    <col min="8198" max="8198" width="3.6640625" style="1" customWidth="1"/>
    <col min="8199" max="8201" width="13.6640625" style="1" customWidth="1"/>
    <col min="8202" max="8202" width="1.88671875" style="1" customWidth="1"/>
    <col min="8203" max="8448" width="9" style="1"/>
    <col min="8449" max="8450" width="1.88671875" style="1" customWidth="1"/>
    <col min="8451" max="8451" width="10.6640625" style="1" customWidth="1"/>
    <col min="8452" max="8452" width="20.6640625" style="1" customWidth="1"/>
    <col min="8453" max="8453" width="15.6640625" style="1" customWidth="1"/>
    <col min="8454" max="8454" width="3.6640625" style="1" customWidth="1"/>
    <col min="8455" max="8457" width="13.6640625" style="1" customWidth="1"/>
    <col min="8458" max="8458" width="1.88671875" style="1" customWidth="1"/>
    <col min="8459" max="8704" width="9" style="1"/>
    <col min="8705" max="8706" width="1.88671875" style="1" customWidth="1"/>
    <col min="8707" max="8707" width="10.6640625" style="1" customWidth="1"/>
    <col min="8708" max="8708" width="20.6640625" style="1" customWidth="1"/>
    <col min="8709" max="8709" width="15.6640625" style="1" customWidth="1"/>
    <col min="8710" max="8710" width="3.6640625" style="1" customWidth="1"/>
    <col min="8711" max="8713" width="13.6640625" style="1" customWidth="1"/>
    <col min="8714" max="8714" width="1.88671875" style="1" customWidth="1"/>
    <col min="8715" max="8960" width="9" style="1"/>
    <col min="8961" max="8962" width="1.88671875" style="1" customWidth="1"/>
    <col min="8963" max="8963" width="10.6640625" style="1" customWidth="1"/>
    <col min="8964" max="8964" width="20.6640625" style="1" customWidth="1"/>
    <col min="8965" max="8965" width="15.6640625" style="1" customWidth="1"/>
    <col min="8966" max="8966" width="3.6640625" style="1" customWidth="1"/>
    <col min="8967" max="8969" width="13.6640625" style="1" customWidth="1"/>
    <col min="8970" max="8970" width="1.88671875" style="1" customWidth="1"/>
    <col min="8971" max="9216" width="9" style="1"/>
    <col min="9217" max="9218" width="1.88671875" style="1" customWidth="1"/>
    <col min="9219" max="9219" width="10.6640625" style="1" customWidth="1"/>
    <col min="9220" max="9220" width="20.6640625" style="1" customWidth="1"/>
    <col min="9221" max="9221" width="15.6640625" style="1" customWidth="1"/>
    <col min="9222" max="9222" width="3.6640625" style="1" customWidth="1"/>
    <col min="9223" max="9225" width="13.6640625" style="1" customWidth="1"/>
    <col min="9226" max="9226" width="1.88671875" style="1" customWidth="1"/>
    <col min="9227" max="9472" width="9" style="1"/>
    <col min="9473" max="9474" width="1.88671875" style="1" customWidth="1"/>
    <col min="9475" max="9475" width="10.6640625" style="1" customWidth="1"/>
    <col min="9476" max="9476" width="20.6640625" style="1" customWidth="1"/>
    <col min="9477" max="9477" width="15.6640625" style="1" customWidth="1"/>
    <col min="9478" max="9478" width="3.6640625" style="1" customWidth="1"/>
    <col min="9479" max="9481" width="13.6640625" style="1" customWidth="1"/>
    <col min="9482" max="9482" width="1.88671875" style="1" customWidth="1"/>
    <col min="9483" max="9728" width="9" style="1"/>
    <col min="9729" max="9730" width="1.88671875" style="1" customWidth="1"/>
    <col min="9731" max="9731" width="10.6640625" style="1" customWidth="1"/>
    <col min="9732" max="9732" width="20.6640625" style="1" customWidth="1"/>
    <col min="9733" max="9733" width="15.6640625" style="1" customWidth="1"/>
    <col min="9734" max="9734" width="3.6640625" style="1" customWidth="1"/>
    <col min="9735" max="9737" width="13.6640625" style="1" customWidth="1"/>
    <col min="9738" max="9738" width="1.88671875" style="1" customWidth="1"/>
    <col min="9739" max="9984" width="9" style="1"/>
    <col min="9985" max="9986" width="1.88671875" style="1" customWidth="1"/>
    <col min="9987" max="9987" width="10.6640625" style="1" customWidth="1"/>
    <col min="9988" max="9988" width="20.6640625" style="1" customWidth="1"/>
    <col min="9989" max="9989" width="15.6640625" style="1" customWidth="1"/>
    <col min="9990" max="9990" width="3.6640625" style="1" customWidth="1"/>
    <col min="9991" max="9993" width="13.6640625" style="1" customWidth="1"/>
    <col min="9994" max="9994" width="1.88671875" style="1" customWidth="1"/>
    <col min="9995" max="10240" width="9" style="1"/>
    <col min="10241" max="10242" width="1.88671875" style="1" customWidth="1"/>
    <col min="10243" max="10243" width="10.6640625" style="1" customWidth="1"/>
    <col min="10244" max="10244" width="20.6640625" style="1" customWidth="1"/>
    <col min="10245" max="10245" width="15.6640625" style="1" customWidth="1"/>
    <col min="10246" max="10246" width="3.6640625" style="1" customWidth="1"/>
    <col min="10247" max="10249" width="13.6640625" style="1" customWidth="1"/>
    <col min="10250" max="10250" width="1.88671875" style="1" customWidth="1"/>
    <col min="10251" max="10496" width="9" style="1"/>
    <col min="10497" max="10498" width="1.88671875" style="1" customWidth="1"/>
    <col min="10499" max="10499" width="10.6640625" style="1" customWidth="1"/>
    <col min="10500" max="10500" width="20.6640625" style="1" customWidth="1"/>
    <col min="10501" max="10501" width="15.6640625" style="1" customWidth="1"/>
    <col min="10502" max="10502" width="3.6640625" style="1" customWidth="1"/>
    <col min="10503" max="10505" width="13.6640625" style="1" customWidth="1"/>
    <col min="10506" max="10506" width="1.88671875" style="1" customWidth="1"/>
    <col min="10507" max="10752" width="9" style="1"/>
    <col min="10753" max="10754" width="1.88671875" style="1" customWidth="1"/>
    <col min="10755" max="10755" width="10.6640625" style="1" customWidth="1"/>
    <col min="10756" max="10756" width="20.6640625" style="1" customWidth="1"/>
    <col min="10757" max="10757" width="15.6640625" style="1" customWidth="1"/>
    <col min="10758" max="10758" width="3.6640625" style="1" customWidth="1"/>
    <col min="10759" max="10761" width="13.6640625" style="1" customWidth="1"/>
    <col min="10762" max="10762" width="1.88671875" style="1" customWidth="1"/>
    <col min="10763" max="11008" width="9" style="1"/>
    <col min="11009" max="11010" width="1.88671875" style="1" customWidth="1"/>
    <col min="11011" max="11011" width="10.6640625" style="1" customWidth="1"/>
    <col min="11012" max="11012" width="20.6640625" style="1" customWidth="1"/>
    <col min="11013" max="11013" width="15.6640625" style="1" customWidth="1"/>
    <col min="11014" max="11014" width="3.6640625" style="1" customWidth="1"/>
    <col min="11015" max="11017" width="13.6640625" style="1" customWidth="1"/>
    <col min="11018" max="11018" width="1.88671875" style="1" customWidth="1"/>
    <col min="11019" max="11264" width="9" style="1"/>
    <col min="11265" max="11266" width="1.88671875" style="1" customWidth="1"/>
    <col min="11267" max="11267" width="10.6640625" style="1" customWidth="1"/>
    <col min="11268" max="11268" width="20.6640625" style="1" customWidth="1"/>
    <col min="11269" max="11269" width="15.6640625" style="1" customWidth="1"/>
    <col min="11270" max="11270" width="3.6640625" style="1" customWidth="1"/>
    <col min="11271" max="11273" width="13.6640625" style="1" customWidth="1"/>
    <col min="11274" max="11274" width="1.88671875" style="1" customWidth="1"/>
    <col min="11275" max="11520" width="9" style="1"/>
    <col min="11521" max="11522" width="1.88671875" style="1" customWidth="1"/>
    <col min="11523" max="11523" width="10.6640625" style="1" customWidth="1"/>
    <col min="11524" max="11524" width="20.6640625" style="1" customWidth="1"/>
    <col min="11525" max="11525" width="15.6640625" style="1" customWidth="1"/>
    <col min="11526" max="11526" width="3.6640625" style="1" customWidth="1"/>
    <col min="11527" max="11529" width="13.6640625" style="1" customWidth="1"/>
    <col min="11530" max="11530" width="1.88671875" style="1" customWidth="1"/>
    <col min="11531" max="11776" width="9" style="1"/>
    <col min="11777" max="11778" width="1.88671875" style="1" customWidth="1"/>
    <col min="11779" max="11779" width="10.6640625" style="1" customWidth="1"/>
    <col min="11780" max="11780" width="20.6640625" style="1" customWidth="1"/>
    <col min="11781" max="11781" width="15.6640625" style="1" customWidth="1"/>
    <col min="11782" max="11782" width="3.6640625" style="1" customWidth="1"/>
    <col min="11783" max="11785" width="13.6640625" style="1" customWidth="1"/>
    <col min="11786" max="11786" width="1.88671875" style="1" customWidth="1"/>
    <col min="11787" max="12032" width="9" style="1"/>
    <col min="12033" max="12034" width="1.88671875" style="1" customWidth="1"/>
    <col min="12035" max="12035" width="10.6640625" style="1" customWidth="1"/>
    <col min="12036" max="12036" width="20.6640625" style="1" customWidth="1"/>
    <col min="12037" max="12037" width="15.6640625" style="1" customWidth="1"/>
    <col min="12038" max="12038" width="3.6640625" style="1" customWidth="1"/>
    <col min="12039" max="12041" width="13.6640625" style="1" customWidth="1"/>
    <col min="12042" max="12042" width="1.88671875" style="1" customWidth="1"/>
    <col min="12043" max="12288" width="9" style="1"/>
    <col min="12289" max="12290" width="1.88671875" style="1" customWidth="1"/>
    <col min="12291" max="12291" width="10.6640625" style="1" customWidth="1"/>
    <col min="12292" max="12292" width="20.6640625" style="1" customWidth="1"/>
    <col min="12293" max="12293" width="15.6640625" style="1" customWidth="1"/>
    <col min="12294" max="12294" width="3.6640625" style="1" customWidth="1"/>
    <col min="12295" max="12297" width="13.6640625" style="1" customWidth="1"/>
    <col min="12298" max="12298" width="1.88671875" style="1" customWidth="1"/>
    <col min="12299" max="12544" width="9" style="1"/>
    <col min="12545" max="12546" width="1.88671875" style="1" customWidth="1"/>
    <col min="12547" max="12547" width="10.6640625" style="1" customWidth="1"/>
    <col min="12548" max="12548" width="20.6640625" style="1" customWidth="1"/>
    <col min="12549" max="12549" width="15.6640625" style="1" customWidth="1"/>
    <col min="12550" max="12550" width="3.6640625" style="1" customWidth="1"/>
    <col min="12551" max="12553" width="13.6640625" style="1" customWidth="1"/>
    <col min="12554" max="12554" width="1.88671875" style="1" customWidth="1"/>
    <col min="12555" max="12800" width="9" style="1"/>
    <col min="12801" max="12802" width="1.88671875" style="1" customWidth="1"/>
    <col min="12803" max="12803" width="10.6640625" style="1" customWidth="1"/>
    <col min="12804" max="12804" width="20.6640625" style="1" customWidth="1"/>
    <col min="12805" max="12805" width="15.6640625" style="1" customWidth="1"/>
    <col min="12806" max="12806" width="3.6640625" style="1" customWidth="1"/>
    <col min="12807" max="12809" width="13.6640625" style="1" customWidth="1"/>
    <col min="12810" max="12810" width="1.88671875" style="1" customWidth="1"/>
    <col min="12811" max="13056" width="9" style="1"/>
    <col min="13057" max="13058" width="1.88671875" style="1" customWidth="1"/>
    <col min="13059" max="13059" width="10.6640625" style="1" customWidth="1"/>
    <col min="13060" max="13060" width="20.6640625" style="1" customWidth="1"/>
    <col min="13061" max="13061" width="15.6640625" style="1" customWidth="1"/>
    <col min="13062" max="13062" width="3.6640625" style="1" customWidth="1"/>
    <col min="13063" max="13065" width="13.6640625" style="1" customWidth="1"/>
    <col min="13066" max="13066" width="1.88671875" style="1" customWidth="1"/>
    <col min="13067" max="13312" width="9" style="1"/>
    <col min="13313" max="13314" width="1.88671875" style="1" customWidth="1"/>
    <col min="13315" max="13315" width="10.6640625" style="1" customWidth="1"/>
    <col min="13316" max="13316" width="20.6640625" style="1" customWidth="1"/>
    <col min="13317" max="13317" width="15.6640625" style="1" customWidth="1"/>
    <col min="13318" max="13318" width="3.6640625" style="1" customWidth="1"/>
    <col min="13319" max="13321" width="13.6640625" style="1" customWidth="1"/>
    <col min="13322" max="13322" width="1.88671875" style="1" customWidth="1"/>
    <col min="13323" max="13568" width="9" style="1"/>
    <col min="13569" max="13570" width="1.88671875" style="1" customWidth="1"/>
    <col min="13571" max="13571" width="10.6640625" style="1" customWidth="1"/>
    <col min="13572" max="13572" width="20.6640625" style="1" customWidth="1"/>
    <col min="13573" max="13573" width="15.6640625" style="1" customWidth="1"/>
    <col min="13574" max="13574" width="3.6640625" style="1" customWidth="1"/>
    <col min="13575" max="13577" width="13.6640625" style="1" customWidth="1"/>
    <col min="13578" max="13578" width="1.88671875" style="1" customWidth="1"/>
    <col min="13579" max="13824" width="9" style="1"/>
    <col min="13825" max="13826" width="1.88671875" style="1" customWidth="1"/>
    <col min="13827" max="13827" width="10.6640625" style="1" customWidth="1"/>
    <col min="13828" max="13828" width="20.6640625" style="1" customWidth="1"/>
    <col min="13829" max="13829" width="15.6640625" style="1" customWidth="1"/>
    <col min="13830" max="13830" width="3.6640625" style="1" customWidth="1"/>
    <col min="13831" max="13833" width="13.6640625" style="1" customWidth="1"/>
    <col min="13834" max="13834" width="1.88671875" style="1" customWidth="1"/>
    <col min="13835" max="14080" width="9" style="1"/>
    <col min="14081" max="14082" width="1.88671875" style="1" customWidth="1"/>
    <col min="14083" max="14083" width="10.6640625" style="1" customWidth="1"/>
    <col min="14084" max="14084" width="20.6640625" style="1" customWidth="1"/>
    <col min="14085" max="14085" width="15.6640625" style="1" customWidth="1"/>
    <col min="14086" max="14086" width="3.6640625" style="1" customWidth="1"/>
    <col min="14087" max="14089" width="13.6640625" style="1" customWidth="1"/>
    <col min="14090" max="14090" width="1.88671875" style="1" customWidth="1"/>
    <col min="14091" max="14336" width="9" style="1"/>
    <col min="14337" max="14338" width="1.88671875" style="1" customWidth="1"/>
    <col min="14339" max="14339" width="10.6640625" style="1" customWidth="1"/>
    <col min="14340" max="14340" width="20.6640625" style="1" customWidth="1"/>
    <col min="14341" max="14341" width="15.6640625" style="1" customWidth="1"/>
    <col min="14342" max="14342" width="3.6640625" style="1" customWidth="1"/>
    <col min="14343" max="14345" width="13.6640625" style="1" customWidth="1"/>
    <col min="14346" max="14346" width="1.88671875" style="1" customWidth="1"/>
    <col min="14347" max="14592" width="9" style="1"/>
    <col min="14593" max="14594" width="1.88671875" style="1" customWidth="1"/>
    <col min="14595" max="14595" width="10.6640625" style="1" customWidth="1"/>
    <col min="14596" max="14596" width="20.6640625" style="1" customWidth="1"/>
    <col min="14597" max="14597" width="15.6640625" style="1" customWidth="1"/>
    <col min="14598" max="14598" width="3.6640625" style="1" customWidth="1"/>
    <col min="14599" max="14601" width="13.6640625" style="1" customWidth="1"/>
    <col min="14602" max="14602" width="1.88671875" style="1" customWidth="1"/>
    <col min="14603" max="14848" width="9" style="1"/>
    <col min="14849" max="14850" width="1.88671875" style="1" customWidth="1"/>
    <col min="14851" max="14851" width="10.6640625" style="1" customWidth="1"/>
    <col min="14852" max="14852" width="20.6640625" style="1" customWidth="1"/>
    <col min="14853" max="14853" width="15.6640625" style="1" customWidth="1"/>
    <col min="14854" max="14854" width="3.6640625" style="1" customWidth="1"/>
    <col min="14855" max="14857" width="13.6640625" style="1" customWidth="1"/>
    <col min="14858" max="14858" width="1.88671875" style="1" customWidth="1"/>
    <col min="14859" max="15104" width="9" style="1"/>
    <col min="15105" max="15106" width="1.88671875" style="1" customWidth="1"/>
    <col min="15107" max="15107" width="10.6640625" style="1" customWidth="1"/>
    <col min="15108" max="15108" width="20.6640625" style="1" customWidth="1"/>
    <col min="15109" max="15109" width="15.6640625" style="1" customWidth="1"/>
    <col min="15110" max="15110" width="3.6640625" style="1" customWidth="1"/>
    <col min="15111" max="15113" width="13.6640625" style="1" customWidth="1"/>
    <col min="15114" max="15114" width="1.88671875" style="1" customWidth="1"/>
    <col min="15115" max="15360" width="9" style="1"/>
    <col min="15361" max="15362" width="1.88671875" style="1" customWidth="1"/>
    <col min="15363" max="15363" width="10.6640625" style="1" customWidth="1"/>
    <col min="15364" max="15364" width="20.6640625" style="1" customWidth="1"/>
    <col min="15365" max="15365" width="15.6640625" style="1" customWidth="1"/>
    <col min="15366" max="15366" width="3.6640625" style="1" customWidth="1"/>
    <col min="15367" max="15369" width="13.6640625" style="1" customWidth="1"/>
    <col min="15370" max="15370" width="1.88671875" style="1" customWidth="1"/>
    <col min="15371" max="15616" width="9" style="1"/>
    <col min="15617" max="15618" width="1.88671875" style="1" customWidth="1"/>
    <col min="15619" max="15619" width="10.6640625" style="1" customWidth="1"/>
    <col min="15620" max="15620" width="20.6640625" style="1" customWidth="1"/>
    <col min="15621" max="15621" width="15.6640625" style="1" customWidth="1"/>
    <col min="15622" max="15622" width="3.6640625" style="1" customWidth="1"/>
    <col min="15623" max="15625" width="13.6640625" style="1" customWidth="1"/>
    <col min="15626" max="15626" width="1.88671875" style="1" customWidth="1"/>
    <col min="15627" max="15872" width="9" style="1"/>
    <col min="15873" max="15874" width="1.88671875" style="1" customWidth="1"/>
    <col min="15875" max="15875" width="10.6640625" style="1" customWidth="1"/>
    <col min="15876" max="15876" width="20.6640625" style="1" customWidth="1"/>
    <col min="15877" max="15877" width="15.6640625" style="1" customWidth="1"/>
    <col min="15878" max="15878" width="3.6640625" style="1" customWidth="1"/>
    <col min="15879" max="15881" width="13.6640625" style="1" customWidth="1"/>
    <col min="15882" max="15882" width="1.88671875" style="1" customWidth="1"/>
    <col min="15883" max="16128" width="9" style="1"/>
    <col min="16129" max="16130" width="1.88671875" style="1" customWidth="1"/>
    <col min="16131" max="16131" width="10.6640625" style="1" customWidth="1"/>
    <col min="16132" max="16132" width="20.6640625" style="1" customWidth="1"/>
    <col min="16133" max="16133" width="15.6640625" style="1" customWidth="1"/>
    <col min="16134" max="16134" width="3.6640625" style="1" customWidth="1"/>
    <col min="16135" max="16137" width="13.6640625" style="1" customWidth="1"/>
    <col min="16138" max="16138" width="1.88671875" style="1" customWidth="1"/>
    <col min="16139" max="16384" width="9" style="1"/>
  </cols>
  <sheetData>
    <row r="1" spans="1:12" ht="18" customHeight="1">
      <c r="B1" s="76" t="s">
        <v>13</v>
      </c>
      <c r="C1" s="76"/>
      <c r="D1" s="76"/>
      <c r="E1" s="76"/>
      <c r="F1" s="76"/>
      <c r="G1" s="76"/>
      <c r="H1" s="76"/>
      <c r="I1" s="76"/>
      <c r="J1" s="2"/>
    </row>
    <row r="2" spans="1:12" ht="19.95" customHeight="1">
      <c r="A2" s="77" t="s">
        <v>14</v>
      </c>
      <c r="B2" s="77"/>
      <c r="C2" s="77"/>
      <c r="D2" s="77"/>
      <c r="E2" s="77"/>
      <c r="F2" s="77"/>
      <c r="G2" s="77"/>
      <c r="H2" s="77"/>
      <c r="I2" s="77"/>
      <c r="J2" s="3"/>
    </row>
    <row r="3" spans="1:12" ht="11.4" customHeight="1">
      <c r="B3" s="4"/>
      <c r="C3" s="4"/>
      <c r="D3" s="4"/>
      <c r="E3" s="4"/>
      <c r="F3" s="4"/>
      <c r="G3" s="4"/>
      <c r="H3" s="4"/>
    </row>
    <row r="4" spans="1:12" ht="24.75" customHeight="1">
      <c r="B4" s="4"/>
      <c r="C4" s="4"/>
      <c r="D4" s="4"/>
      <c r="E4" s="78" t="s">
        <v>0</v>
      </c>
      <c r="F4" s="78"/>
      <c r="G4" s="78"/>
      <c r="H4" s="78"/>
      <c r="I4" s="78"/>
    </row>
    <row r="5" spans="1:12" ht="10.95" customHeight="1">
      <c r="B5" s="4"/>
      <c r="C5" s="4"/>
      <c r="D5" s="4"/>
      <c r="E5" s="5"/>
      <c r="F5" s="5"/>
      <c r="G5" s="5"/>
      <c r="H5" s="5"/>
      <c r="I5" s="5"/>
    </row>
    <row r="6" spans="1:12" ht="10.95" customHeight="1">
      <c r="B6" s="4"/>
      <c r="C6" s="4"/>
      <c r="D6" s="4"/>
      <c r="E6" s="6"/>
      <c r="F6" s="6"/>
      <c r="G6" s="5"/>
      <c r="H6" s="5"/>
      <c r="I6" s="5"/>
    </row>
    <row r="7" spans="1:12" ht="27" customHeight="1">
      <c r="B7" s="79" t="s">
        <v>1</v>
      </c>
      <c r="C7" s="79"/>
      <c r="D7" s="7"/>
      <c r="E7" s="80" t="s">
        <v>2</v>
      </c>
      <c r="F7" s="80"/>
      <c r="G7" s="81"/>
      <c r="H7" s="82"/>
      <c r="I7" s="83"/>
    </row>
    <row r="8" spans="1:12" ht="33" customHeight="1">
      <c r="A8" s="8"/>
      <c r="B8" s="9" t="s">
        <v>20</v>
      </c>
      <c r="C8" s="9"/>
      <c r="D8" s="9"/>
      <c r="E8" s="9"/>
      <c r="F8" s="9"/>
      <c r="G8" s="9"/>
      <c r="H8" s="9"/>
      <c r="I8" s="9"/>
      <c r="J8" s="8"/>
      <c r="K8" s="8"/>
      <c r="L8" s="8"/>
    </row>
    <row r="9" spans="1:12" ht="18" customHeight="1">
      <c r="B9" s="84" t="s">
        <v>3</v>
      </c>
      <c r="C9" s="85"/>
      <c r="D9" s="86"/>
      <c r="E9" s="84" t="s">
        <v>31</v>
      </c>
      <c r="F9" s="86"/>
      <c r="G9" s="90" t="s">
        <v>4</v>
      </c>
      <c r="H9" s="85"/>
      <c r="I9" s="86"/>
      <c r="J9" s="8"/>
      <c r="K9" s="8"/>
      <c r="L9" s="8"/>
    </row>
    <row r="10" spans="1:12" ht="12" customHeight="1">
      <c r="B10" s="87"/>
      <c r="C10" s="88"/>
      <c r="D10" s="89"/>
      <c r="E10" s="87"/>
      <c r="F10" s="89"/>
      <c r="G10" s="87"/>
      <c r="H10" s="88"/>
      <c r="I10" s="89"/>
      <c r="J10" s="8"/>
      <c r="K10" s="8"/>
      <c r="L10" s="8"/>
    </row>
    <row r="11" spans="1:12" ht="30" customHeight="1">
      <c r="B11" s="10" t="s">
        <v>5</v>
      </c>
      <c r="C11" s="11"/>
      <c r="D11" s="12"/>
      <c r="E11" s="13">
        <f>E13+E17+E21</f>
        <v>0</v>
      </c>
      <c r="F11" s="14" t="s">
        <v>6</v>
      </c>
      <c r="G11" s="15"/>
      <c r="H11" s="16"/>
      <c r="I11" s="17"/>
      <c r="J11" s="8"/>
      <c r="K11" s="8"/>
      <c r="L11" s="8"/>
    </row>
    <row r="12" spans="1:12" ht="18" customHeight="1">
      <c r="B12" s="10"/>
      <c r="C12" s="91" t="s">
        <v>7</v>
      </c>
      <c r="D12" s="92"/>
      <c r="E12" s="10"/>
      <c r="F12" s="18"/>
      <c r="G12" s="19"/>
      <c r="H12" s="20"/>
      <c r="I12" s="21"/>
      <c r="J12" s="8"/>
      <c r="K12" s="8"/>
      <c r="L12" s="8"/>
    </row>
    <row r="13" spans="1:12" ht="18" customHeight="1">
      <c r="B13" s="10"/>
      <c r="C13" s="22" t="s">
        <v>30</v>
      </c>
      <c r="D13" s="23"/>
      <c r="E13" s="24"/>
      <c r="F13" s="25" t="s">
        <v>8</v>
      </c>
      <c r="G13" s="19"/>
      <c r="H13" s="20"/>
      <c r="I13" s="21"/>
      <c r="J13" s="8"/>
      <c r="K13" s="8"/>
      <c r="L13" s="8"/>
    </row>
    <row r="14" spans="1:12" ht="18" customHeight="1">
      <c r="B14" s="10"/>
      <c r="C14" s="26"/>
      <c r="D14" s="23"/>
      <c r="F14" s="18"/>
      <c r="G14" s="19"/>
      <c r="H14" s="20"/>
      <c r="I14" s="21"/>
      <c r="J14" s="8"/>
      <c r="K14" s="8"/>
      <c r="L14" s="8"/>
    </row>
    <row r="15" spans="1:12" ht="18" customHeight="1">
      <c r="B15" s="10"/>
      <c r="C15" s="22"/>
      <c r="D15" s="23"/>
      <c r="E15" s="10"/>
      <c r="F15" s="18"/>
      <c r="G15" s="19"/>
      <c r="H15" s="20"/>
      <c r="I15" s="21"/>
      <c r="J15" s="8"/>
      <c r="K15" s="8"/>
      <c r="L15" s="8"/>
    </row>
    <row r="16" spans="1:12" ht="18" customHeight="1">
      <c r="B16" s="10"/>
      <c r="C16" s="22"/>
      <c r="D16" s="18"/>
      <c r="E16" s="64"/>
      <c r="F16" s="25"/>
      <c r="G16" s="19"/>
      <c r="H16" s="20"/>
      <c r="I16" s="21"/>
      <c r="J16" s="8"/>
      <c r="K16" s="8"/>
      <c r="L16" s="8"/>
    </row>
    <row r="17" spans="2:12" ht="18" customHeight="1">
      <c r="B17" s="10"/>
      <c r="C17" s="22" t="s">
        <v>29</v>
      </c>
      <c r="D17" s="18"/>
      <c r="E17" s="24"/>
      <c r="F17" s="25" t="s">
        <v>8</v>
      </c>
      <c r="G17" s="19"/>
      <c r="H17" s="20"/>
      <c r="I17" s="21"/>
      <c r="J17" s="8"/>
      <c r="K17" s="8"/>
      <c r="L17" s="8"/>
    </row>
    <row r="18" spans="2:12" ht="18" customHeight="1">
      <c r="B18" s="10"/>
      <c r="C18" s="22"/>
      <c r="D18" s="18"/>
      <c r="E18" s="10"/>
      <c r="F18" s="18"/>
      <c r="G18" s="19"/>
      <c r="H18" s="20"/>
      <c r="I18" s="21"/>
      <c r="J18" s="8"/>
      <c r="K18" s="8"/>
      <c r="L18" s="8"/>
    </row>
    <row r="19" spans="2:12" ht="18" customHeight="1">
      <c r="B19" s="10"/>
      <c r="C19" s="22"/>
      <c r="D19" s="18"/>
      <c r="E19" s="10"/>
      <c r="F19" s="25"/>
      <c r="G19" s="19"/>
      <c r="H19" s="20"/>
      <c r="I19" s="21"/>
      <c r="J19" s="8"/>
      <c r="K19" s="8"/>
      <c r="L19" s="8"/>
    </row>
    <row r="20" spans="2:12" ht="18" customHeight="1">
      <c r="B20" s="10"/>
      <c r="C20" s="22"/>
      <c r="D20" s="18"/>
      <c r="E20" s="10"/>
      <c r="F20" s="25"/>
      <c r="G20" s="19"/>
      <c r="H20" s="20"/>
      <c r="I20" s="21"/>
      <c r="J20" s="8"/>
      <c r="K20" s="8"/>
      <c r="L20" s="8"/>
    </row>
    <row r="21" spans="2:12" ht="18" customHeight="1">
      <c r="B21" s="10"/>
      <c r="C21" s="22" t="s">
        <v>24</v>
      </c>
      <c r="D21" s="18"/>
      <c r="E21" s="24"/>
      <c r="F21" s="25" t="s">
        <v>8</v>
      </c>
      <c r="G21" s="19"/>
      <c r="H21" s="20"/>
      <c r="I21" s="21"/>
      <c r="J21" s="8"/>
      <c r="K21" s="8"/>
      <c r="L21" s="8"/>
    </row>
    <row r="22" spans="2:12" ht="18" customHeight="1">
      <c r="B22" s="10"/>
      <c r="C22" s="22"/>
      <c r="D22" s="18"/>
      <c r="E22" s="10"/>
      <c r="F22" s="25"/>
      <c r="G22" s="19"/>
      <c r="H22" s="20"/>
      <c r="I22" s="21"/>
      <c r="J22" s="8"/>
      <c r="K22" s="8"/>
      <c r="L22" s="8"/>
    </row>
    <row r="23" spans="2:12" ht="18" customHeight="1">
      <c r="B23" s="62"/>
      <c r="C23" s="65"/>
      <c r="D23" s="28"/>
      <c r="E23" s="62"/>
      <c r="F23" s="28"/>
      <c r="G23" s="29"/>
      <c r="H23" s="30"/>
      <c r="I23" s="31"/>
      <c r="J23" s="8"/>
      <c r="K23" s="8"/>
      <c r="L23" s="8"/>
    </row>
    <row r="24" spans="2:12" ht="30" customHeight="1">
      <c r="B24" s="10" t="s">
        <v>9</v>
      </c>
      <c r="C24" s="32"/>
      <c r="D24" s="18"/>
      <c r="E24" s="10">
        <f>E25+E27</f>
        <v>0</v>
      </c>
      <c r="F24" s="25" t="s">
        <v>6</v>
      </c>
      <c r="G24" s="10"/>
      <c r="H24" s="32"/>
      <c r="I24" s="18"/>
      <c r="J24" s="8"/>
      <c r="K24" s="8"/>
      <c r="L24" s="8"/>
    </row>
    <row r="25" spans="2:12" ht="25.95" customHeight="1">
      <c r="B25" s="33"/>
      <c r="C25" s="34" t="s">
        <v>10</v>
      </c>
      <c r="D25" s="35"/>
      <c r="E25" s="36"/>
      <c r="F25" s="37" t="s">
        <v>6</v>
      </c>
      <c r="G25" s="38"/>
      <c r="H25" s="39"/>
      <c r="I25" s="35"/>
      <c r="J25" s="8"/>
      <c r="K25" s="8"/>
      <c r="L25" s="8"/>
    </row>
    <row r="26" spans="2:12" ht="4.95" customHeight="1">
      <c r="B26" s="33"/>
      <c r="C26" s="22"/>
      <c r="D26" s="18"/>
      <c r="E26" s="40"/>
      <c r="F26" s="25"/>
      <c r="G26" s="10"/>
      <c r="H26" s="32"/>
      <c r="I26" s="18"/>
      <c r="J26" s="8"/>
      <c r="K26" s="8"/>
      <c r="L26" s="8"/>
    </row>
    <row r="27" spans="2:12" ht="25.95" customHeight="1">
      <c r="B27" s="41"/>
      <c r="C27" s="42" t="s">
        <v>11</v>
      </c>
      <c r="D27" s="17"/>
      <c r="E27" s="43"/>
      <c r="F27" s="44" t="s">
        <v>6</v>
      </c>
      <c r="G27" s="15"/>
      <c r="H27" s="16"/>
      <c r="I27" s="17"/>
      <c r="J27" s="8"/>
      <c r="K27" s="8"/>
      <c r="L27" s="8"/>
    </row>
    <row r="28" spans="2:12" ht="30" customHeight="1">
      <c r="B28" s="93" t="s">
        <v>12</v>
      </c>
      <c r="C28" s="94"/>
      <c r="D28" s="94"/>
      <c r="E28" s="45">
        <f>E11-E24</f>
        <v>0</v>
      </c>
      <c r="F28" s="46" t="s">
        <v>8</v>
      </c>
      <c r="G28" s="27"/>
      <c r="H28" s="47"/>
      <c r="I28" s="28"/>
      <c r="J28" s="8"/>
      <c r="K28" s="8"/>
      <c r="L28" s="8"/>
    </row>
    <row r="29" spans="2:12" ht="16.5" customHeight="1">
      <c r="B29" s="1" t="s">
        <v>15</v>
      </c>
    </row>
    <row r="30" spans="2:12" ht="16.5" customHeight="1">
      <c r="B30" s="61" t="s">
        <v>33</v>
      </c>
    </row>
    <row r="31" spans="2:12" ht="16.5" customHeight="1">
      <c r="B31" s="75" t="s">
        <v>23</v>
      </c>
      <c r="C31" s="75"/>
      <c r="D31" s="75"/>
      <c r="E31" s="75"/>
      <c r="F31" s="75"/>
      <c r="G31" s="75"/>
      <c r="H31" s="75"/>
      <c r="I31" s="75"/>
    </row>
    <row r="32" spans="2:12" ht="15" customHeight="1">
      <c r="B32" s="48" t="s">
        <v>32</v>
      </c>
      <c r="C32" s="49"/>
      <c r="D32" s="49"/>
      <c r="E32" s="49"/>
      <c r="F32" s="49"/>
      <c r="G32" s="49"/>
      <c r="H32" s="49"/>
      <c r="I32" s="49"/>
      <c r="J32" s="8"/>
      <c r="K32" s="8"/>
      <c r="L32" s="8"/>
    </row>
    <row r="33" spans="2:12" ht="15" customHeight="1">
      <c r="B33" s="48"/>
      <c r="C33" s="48"/>
      <c r="D33" s="48"/>
      <c r="E33" s="48"/>
      <c r="F33" s="48"/>
      <c r="G33" s="48"/>
      <c r="H33" s="48"/>
      <c r="I33" s="48"/>
      <c r="J33" s="8"/>
      <c r="K33" s="8"/>
      <c r="L33" s="8"/>
    </row>
    <row r="34" spans="2:12" ht="15" customHeight="1">
      <c r="B34" s="8"/>
      <c r="C34" s="8"/>
      <c r="D34" s="8"/>
      <c r="E34" s="8"/>
      <c r="F34" s="8"/>
      <c r="G34" s="8"/>
      <c r="H34" s="8"/>
      <c r="I34" s="8"/>
      <c r="J34" s="8"/>
      <c r="K34" s="8"/>
      <c r="L34" s="8"/>
    </row>
    <row r="35" spans="2:12" ht="15" customHeight="1">
      <c r="B35" s="8"/>
      <c r="C35" s="8"/>
      <c r="D35" s="8"/>
      <c r="E35" s="8"/>
      <c r="F35" s="8"/>
      <c r="G35" s="8"/>
      <c r="H35" s="8"/>
      <c r="I35" s="8"/>
      <c r="J35" s="8"/>
      <c r="K35" s="8"/>
      <c r="L35" s="8"/>
    </row>
    <row r="36" spans="2:12" ht="15" customHeight="1">
      <c r="B36" s="8"/>
      <c r="C36" s="8"/>
      <c r="D36" s="8"/>
      <c r="E36" s="8"/>
      <c r="F36" s="8"/>
      <c r="G36" s="8"/>
      <c r="H36" s="8"/>
      <c r="I36" s="8"/>
      <c r="J36" s="8"/>
      <c r="K36" s="8"/>
      <c r="L36" s="8"/>
    </row>
    <row r="37" spans="2:12" ht="15" customHeight="1">
      <c r="B37" s="8"/>
      <c r="C37" s="8"/>
      <c r="D37" s="8"/>
      <c r="E37" s="8"/>
      <c r="F37" s="8"/>
      <c r="G37" s="8"/>
      <c r="H37" s="8"/>
      <c r="I37" s="8"/>
      <c r="J37" s="8"/>
      <c r="K37" s="8"/>
      <c r="L37" s="8"/>
    </row>
    <row r="38" spans="2:12" ht="13.2"/>
    <row r="39" spans="2:12" ht="13.2"/>
    <row r="40" spans="2:12" ht="13.2"/>
    <row r="41" spans="2:12" ht="13.2"/>
    <row r="42" spans="2:12" ht="13.2"/>
    <row r="43" spans="2:12" ht="13.2"/>
    <row r="44" spans="2:12" ht="13.2"/>
    <row r="45" spans="2:12" ht="13.2"/>
    <row r="46" spans="2:12" ht="13.2"/>
    <row r="47" spans="2:12" ht="13.2"/>
    <row r="48" spans="2:12" ht="13.2"/>
    <row r="49" ht="13.2"/>
    <row r="50" ht="13.2"/>
    <row r="51" ht="13.2"/>
    <row r="52" ht="13.2"/>
    <row r="53" ht="13.2"/>
    <row r="54" ht="13.2"/>
    <row r="55" ht="13.2"/>
    <row r="56" ht="13.2"/>
    <row r="57" ht="13.2"/>
    <row r="58" ht="13.2"/>
    <row r="59" ht="13.2"/>
    <row r="60" ht="13.2"/>
  </sheetData>
  <mergeCells count="13">
    <mergeCell ref="B31:I31"/>
    <mergeCell ref="B1:I1"/>
    <mergeCell ref="A2:I2"/>
    <mergeCell ref="E4:F4"/>
    <mergeCell ref="G4:I4"/>
    <mergeCell ref="B7:C7"/>
    <mergeCell ref="E7:F7"/>
    <mergeCell ref="G7:I7"/>
    <mergeCell ref="B9:D10"/>
    <mergeCell ref="E9:F10"/>
    <mergeCell ref="G9:I10"/>
    <mergeCell ref="C12:D12"/>
    <mergeCell ref="B28:D28"/>
  </mergeCells>
  <phoneticPr fontId="1"/>
  <conditionalFormatting sqref="E12:F13 F14 E15:F23">
    <cfRule type="cellIs" dxfId="2" priority="1" stopIfTrue="1" operator="equal">
      <formula>0</formula>
    </cfRule>
  </conditionalFormatting>
  <conditionalFormatting sqref="E25:F27">
    <cfRule type="cellIs" dxfId="1" priority="3" stopIfTrue="1" operator="equal">
      <formula>0</formula>
    </cfRule>
  </conditionalFormatting>
  <conditionalFormatting sqref="E28:F28">
    <cfRule type="cellIs" dxfId="0" priority="4" stopIfTrue="1" operator="equal">
      <formula>0</formula>
    </cfRule>
  </conditionalFormatting>
  <dataValidations count="1">
    <dataValidation type="list" allowBlank="1" showInputMessage="1" showErrorMessage="1" sqref="WVL983043 IZ7 SV7 ACR7 AMN7 AWJ7 BGF7 BQB7 BZX7 CJT7 CTP7 DDL7 DNH7 DXD7 EGZ7 EQV7 FAR7 FKN7 FUJ7 GEF7 GOB7 GXX7 HHT7 HRP7 IBL7 ILH7 IVD7 JEZ7 JOV7 JYR7 KIN7 KSJ7 LCF7 LMB7 LVX7 MFT7 MPP7 MZL7 NJH7 NTD7 OCZ7 OMV7 OWR7 PGN7 PQJ7 QAF7 QKB7 QTX7 RDT7 RNP7 RXL7 SHH7 SRD7 TAZ7 TKV7 TUR7 UEN7 UOJ7 UYF7 VIB7 VRX7 WBT7 WLP7 WVL7 D65539 IZ65539 SV65539 ACR65539 AMN65539 AWJ65539 BGF65539 BQB65539 BZX65539 CJT65539 CTP65539 DDL65539 DNH65539 DXD65539 EGZ65539 EQV65539 FAR65539 FKN65539 FUJ65539 GEF65539 GOB65539 GXX65539 HHT65539 HRP65539 IBL65539 ILH65539 IVD65539 JEZ65539 JOV65539 JYR65539 KIN65539 KSJ65539 LCF65539 LMB65539 LVX65539 MFT65539 MPP65539 MZL65539 NJH65539 NTD65539 OCZ65539 OMV65539 OWR65539 PGN65539 PQJ65539 QAF65539 QKB65539 QTX65539 RDT65539 RNP65539 RXL65539 SHH65539 SRD65539 TAZ65539 TKV65539 TUR65539 UEN65539 UOJ65539 UYF65539 VIB65539 VRX65539 WBT65539 WLP65539 WVL65539 D131075 IZ131075 SV131075 ACR131075 AMN131075 AWJ131075 BGF131075 BQB131075 BZX131075 CJT131075 CTP131075 DDL131075 DNH131075 DXD131075 EGZ131075 EQV131075 FAR131075 FKN131075 FUJ131075 GEF131075 GOB131075 GXX131075 HHT131075 HRP131075 IBL131075 ILH131075 IVD131075 JEZ131075 JOV131075 JYR131075 KIN131075 KSJ131075 LCF131075 LMB131075 LVX131075 MFT131075 MPP131075 MZL131075 NJH131075 NTD131075 OCZ131075 OMV131075 OWR131075 PGN131075 PQJ131075 QAF131075 QKB131075 QTX131075 RDT131075 RNP131075 RXL131075 SHH131075 SRD131075 TAZ131075 TKV131075 TUR131075 UEN131075 UOJ131075 UYF131075 VIB131075 VRX131075 WBT131075 WLP131075 WVL131075 D196611 IZ196611 SV196611 ACR196611 AMN196611 AWJ196611 BGF196611 BQB196611 BZX196611 CJT196611 CTP196611 DDL196611 DNH196611 DXD196611 EGZ196611 EQV196611 FAR196611 FKN196611 FUJ196611 GEF196611 GOB196611 GXX196611 HHT196611 HRP196611 IBL196611 ILH196611 IVD196611 JEZ196611 JOV196611 JYR196611 KIN196611 KSJ196611 LCF196611 LMB196611 LVX196611 MFT196611 MPP196611 MZL196611 NJH196611 NTD196611 OCZ196611 OMV196611 OWR196611 PGN196611 PQJ196611 QAF196611 QKB196611 QTX196611 RDT196611 RNP196611 RXL196611 SHH196611 SRD196611 TAZ196611 TKV196611 TUR196611 UEN196611 UOJ196611 UYF196611 VIB196611 VRX196611 WBT196611 WLP196611 WVL196611 D262147 IZ262147 SV262147 ACR262147 AMN262147 AWJ262147 BGF262147 BQB262147 BZX262147 CJT262147 CTP262147 DDL262147 DNH262147 DXD262147 EGZ262147 EQV262147 FAR262147 FKN262147 FUJ262147 GEF262147 GOB262147 GXX262147 HHT262147 HRP262147 IBL262147 ILH262147 IVD262147 JEZ262147 JOV262147 JYR262147 KIN262147 KSJ262147 LCF262147 LMB262147 LVX262147 MFT262147 MPP262147 MZL262147 NJH262147 NTD262147 OCZ262147 OMV262147 OWR262147 PGN262147 PQJ262147 QAF262147 QKB262147 QTX262147 RDT262147 RNP262147 RXL262147 SHH262147 SRD262147 TAZ262147 TKV262147 TUR262147 UEN262147 UOJ262147 UYF262147 VIB262147 VRX262147 WBT262147 WLP262147 WVL262147 D327683 IZ327683 SV327683 ACR327683 AMN327683 AWJ327683 BGF327683 BQB327683 BZX327683 CJT327683 CTP327683 DDL327683 DNH327683 DXD327683 EGZ327683 EQV327683 FAR327683 FKN327683 FUJ327683 GEF327683 GOB327683 GXX327683 HHT327683 HRP327683 IBL327683 ILH327683 IVD327683 JEZ327683 JOV327683 JYR327683 KIN327683 KSJ327683 LCF327683 LMB327683 LVX327683 MFT327683 MPP327683 MZL327683 NJH327683 NTD327683 OCZ327683 OMV327683 OWR327683 PGN327683 PQJ327683 QAF327683 QKB327683 QTX327683 RDT327683 RNP327683 RXL327683 SHH327683 SRD327683 TAZ327683 TKV327683 TUR327683 UEN327683 UOJ327683 UYF327683 VIB327683 VRX327683 WBT327683 WLP327683 WVL327683 D393219 IZ393219 SV393219 ACR393219 AMN393219 AWJ393219 BGF393219 BQB393219 BZX393219 CJT393219 CTP393219 DDL393219 DNH393219 DXD393219 EGZ393219 EQV393219 FAR393219 FKN393219 FUJ393219 GEF393219 GOB393219 GXX393219 HHT393219 HRP393219 IBL393219 ILH393219 IVD393219 JEZ393219 JOV393219 JYR393219 KIN393219 KSJ393219 LCF393219 LMB393219 LVX393219 MFT393219 MPP393219 MZL393219 NJH393219 NTD393219 OCZ393219 OMV393219 OWR393219 PGN393219 PQJ393219 QAF393219 QKB393219 QTX393219 RDT393219 RNP393219 RXL393219 SHH393219 SRD393219 TAZ393219 TKV393219 TUR393219 UEN393219 UOJ393219 UYF393219 VIB393219 VRX393219 WBT393219 WLP393219 WVL393219 D458755 IZ458755 SV458755 ACR458755 AMN458755 AWJ458755 BGF458755 BQB458755 BZX458755 CJT458755 CTP458755 DDL458755 DNH458755 DXD458755 EGZ458755 EQV458755 FAR458755 FKN458755 FUJ458755 GEF458755 GOB458755 GXX458755 HHT458755 HRP458755 IBL458755 ILH458755 IVD458755 JEZ458755 JOV458755 JYR458755 KIN458755 KSJ458755 LCF458755 LMB458755 LVX458755 MFT458755 MPP458755 MZL458755 NJH458755 NTD458755 OCZ458755 OMV458755 OWR458755 PGN458755 PQJ458755 QAF458755 QKB458755 QTX458755 RDT458755 RNP458755 RXL458755 SHH458755 SRD458755 TAZ458755 TKV458755 TUR458755 UEN458755 UOJ458755 UYF458755 VIB458755 VRX458755 WBT458755 WLP458755 WVL458755 D524291 IZ524291 SV524291 ACR524291 AMN524291 AWJ524291 BGF524291 BQB524291 BZX524291 CJT524291 CTP524291 DDL524291 DNH524291 DXD524291 EGZ524291 EQV524291 FAR524291 FKN524291 FUJ524291 GEF524291 GOB524291 GXX524291 HHT524291 HRP524291 IBL524291 ILH524291 IVD524291 JEZ524291 JOV524291 JYR524291 KIN524291 KSJ524291 LCF524291 LMB524291 LVX524291 MFT524291 MPP524291 MZL524291 NJH524291 NTD524291 OCZ524291 OMV524291 OWR524291 PGN524291 PQJ524291 QAF524291 QKB524291 QTX524291 RDT524291 RNP524291 RXL524291 SHH524291 SRD524291 TAZ524291 TKV524291 TUR524291 UEN524291 UOJ524291 UYF524291 VIB524291 VRX524291 WBT524291 WLP524291 WVL524291 D589827 IZ589827 SV589827 ACR589827 AMN589827 AWJ589827 BGF589827 BQB589827 BZX589827 CJT589827 CTP589827 DDL589827 DNH589827 DXD589827 EGZ589827 EQV589827 FAR589827 FKN589827 FUJ589827 GEF589827 GOB589827 GXX589827 HHT589827 HRP589827 IBL589827 ILH589827 IVD589827 JEZ589827 JOV589827 JYR589827 KIN589827 KSJ589827 LCF589827 LMB589827 LVX589827 MFT589827 MPP589827 MZL589827 NJH589827 NTD589827 OCZ589827 OMV589827 OWR589827 PGN589827 PQJ589827 QAF589827 QKB589827 QTX589827 RDT589827 RNP589827 RXL589827 SHH589827 SRD589827 TAZ589827 TKV589827 TUR589827 UEN589827 UOJ589827 UYF589827 VIB589827 VRX589827 WBT589827 WLP589827 WVL589827 D655363 IZ655363 SV655363 ACR655363 AMN655363 AWJ655363 BGF655363 BQB655363 BZX655363 CJT655363 CTP655363 DDL655363 DNH655363 DXD655363 EGZ655363 EQV655363 FAR655363 FKN655363 FUJ655363 GEF655363 GOB655363 GXX655363 HHT655363 HRP655363 IBL655363 ILH655363 IVD655363 JEZ655363 JOV655363 JYR655363 KIN655363 KSJ655363 LCF655363 LMB655363 LVX655363 MFT655363 MPP655363 MZL655363 NJH655363 NTD655363 OCZ655363 OMV655363 OWR655363 PGN655363 PQJ655363 QAF655363 QKB655363 QTX655363 RDT655363 RNP655363 RXL655363 SHH655363 SRD655363 TAZ655363 TKV655363 TUR655363 UEN655363 UOJ655363 UYF655363 VIB655363 VRX655363 WBT655363 WLP655363 WVL655363 D720899 IZ720899 SV720899 ACR720899 AMN720899 AWJ720899 BGF720899 BQB720899 BZX720899 CJT720899 CTP720899 DDL720899 DNH720899 DXD720899 EGZ720899 EQV720899 FAR720899 FKN720899 FUJ720899 GEF720899 GOB720899 GXX720899 HHT720899 HRP720899 IBL720899 ILH720899 IVD720899 JEZ720899 JOV720899 JYR720899 KIN720899 KSJ720899 LCF720899 LMB720899 LVX720899 MFT720899 MPP720899 MZL720899 NJH720899 NTD720899 OCZ720899 OMV720899 OWR720899 PGN720899 PQJ720899 QAF720899 QKB720899 QTX720899 RDT720899 RNP720899 RXL720899 SHH720899 SRD720899 TAZ720899 TKV720899 TUR720899 UEN720899 UOJ720899 UYF720899 VIB720899 VRX720899 WBT720899 WLP720899 WVL720899 D786435 IZ786435 SV786435 ACR786435 AMN786435 AWJ786435 BGF786435 BQB786435 BZX786435 CJT786435 CTP786435 DDL786435 DNH786435 DXD786435 EGZ786435 EQV786435 FAR786435 FKN786435 FUJ786435 GEF786435 GOB786435 GXX786435 HHT786435 HRP786435 IBL786435 ILH786435 IVD786435 JEZ786435 JOV786435 JYR786435 KIN786435 KSJ786435 LCF786435 LMB786435 LVX786435 MFT786435 MPP786435 MZL786435 NJH786435 NTD786435 OCZ786435 OMV786435 OWR786435 PGN786435 PQJ786435 QAF786435 QKB786435 QTX786435 RDT786435 RNP786435 RXL786435 SHH786435 SRD786435 TAZ786435 TKV786435 TUR786435 UEN786435 UOJ786435 UYF786435 VIB786435 VRX786435 WBT786435 WLP786435 WVL786435 D851971 IZ851971 SV851971 ACR851971 AMN851971 AWJ851971 BGF851971 BQB851971 BZX851971 CJT851971 CTP851971 DDL851971 DNH851971 DXD851971 EGZ851971 EQV851971 FAR851971 FKN851971 FUJ851971 GEF851971 GOB851971 GXX851971 HHT851971 HRP851971 IBL851971 ILH851971 IVD851971 JEZ851971 JOV851971 JYR851971 KIN851971 KSJ851971 LCF851971 LMB851971 LVX851971 MFT851971 MPP851971 MZL851971 NJH851971 NTD851971 OCZ851971 OMV851971 OWR851971 PGN851971 PQJ851971 QAF851971 QKB851971 QTX851971 RDT851971 RNP851971 RXL851971 SHH851971 SRD851971 TAZ851971 TKV851971 TUR851971 UEN851971 UOJ851971 UYF851971 VIB851971 VRX851971 WBT851971 WLP851971 WVL851971 D917507 IZ917507 SV917507 ACR917507 AMN917507 AWJ917507 BGF917507 BQB917507 BZX917507 CJT917507 CTP917507 DDL917507 DNH917507 DXD917507 EGZ917507 EQV917507 FAR917507 FKN917507 FUJ917507 GEF917507 GOB917507 GXX917507 HHT917507 HRP917507 IBL917507 ILH917507 IVD917507 JEZ917507 JOV917507 JYR917507 KIN917507 KSJ917507 LCF917507 LMB917507 LVX917507 MFT917507 MPP917507 MZL917507 NJH917507 NTD917507 OCZ917507 OMV917507 OWR917507 PGN917507 PQJ917507 QAF917507 QKB917507 QTX917507 RDT917507 RNP917507 RXL917507 SHH917507 SRD917507 TAZ917507 TKV917507 TUR917507 UEN917507 UOJ917507 UYF917507 VIB917507 VRX917507 WBT917507 WLP917507 WVL917507 D983043 IZ983043 SV983043 ACR983043 AMN983043 AWJ983043 BGF983043 BQB983043 BZX983043 CJT983043 CTP983043 DDL983043 DNH983043 DXD983043 EGZ983043 EQV983043 FAR983043 FKN983043 FUJ983043 GEF983043 GOB983043 GXX983043 HHT983043 HRP983043 IBL983043 ILH983043 IVD983043 JEZ983043 JOV983043 JYR983043 KIN983043 KSJ983043 LCF983043 LMB983043 LVX983043 MFT983043 MPP983043 MZL983043 NJH983043 NTD983043 OCZ983043 OMV983043 OWR983043 PGN983043 PQJ983043 QAF983043 QKB983043 QTX983043 RDT983043 RNP983043 RXL983043 SHH983043 SRD983043 TAZ983043 TKV983043 TUR983043 UEN983043 UOJ983043 UYF983043 VIB983043 VRX983043 WBT983043 WLP983043" xr:uid="{00000000-0002-0000-0000-000000000000}">
      <formula1>"看護師,准看護師,看護助手"</formula1>
    </dataValidation>
  </dataValidations>
  <printOptions horizontalCentered="1"/>
  <pageMargins left="0.59055118110236227" right="0.59055118110236227" top="0.59055118110236227" bottom="0.59055118110236227" header="0.39370078740157483" footer="0.39370078740157483"/>
  <pageSetup paperSize="9" scale="96" orientation="portrait" blackAndWhite="1" r:id="rId1"/>
  <headerFooter alignWithMargins="0"/>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220A36-6F39-4880-A4AB-684599ED21E1}">
  <dimension ref="B2:K22"/>
  <sheetViews>
    <sheetView tabSelected="1" view="pageBreakPreview" zoomScaleNormal="100" zoomScaleSheetLayoutView="100" workbookViewId="0">
      <selection activeCell="E4" sqref="E4"/>
    </sheetView>
  </sheetViews>
  <sheetFormatPr defaultColWidth="9" defaultRowHeight="13.2"/>
  <cols>
    <col min="1" max="1" width="1.88671875" style="50" customWidth="1"/>
    <col min="2" max="2" width="4.33203125" style="50" customWidth="1"/>
    <col min="3" max="3" width="16.6640625" style="50" customWidth="1"/>
    <col min="4" max="4" width="15" style="50" customWidth="1"/>
    <col min="5" max="5" width="50.109375" style="50" customWidth="1"/>
    <col min="6" max="257" width="9" style="50"/>
    <col min="258" max="258" width="4.33203125" style="50" customWidth="1"/>
    <col min="259" max="259" width="15.21875" style="50" customWidth="1"/>
    <col min="260" max="260" width="15" style="50" customWidth="1"/>
    <col min="261" max="261" width="50.109375" style="50" customWidth="1"/>
    <col min="262" max="513" width="9" style="50"/>
    <col min="514" max="514" width="4.33203125" style="50" customWidth="1"/>
    <col min="515" max="515" width="15.21875" style="50" customWidth="1"/>
    <col min="516" max="516" width="15" style="50" customWidth="1"/>
    <col min="517" max="517" width="50.109375" style="50" customWidth="1"/>
    <col min="518" max="769" width="9" style="50"/>
    <col min="770" max="770" width="4.33203125" style="50" customWidth="1"/>
    <col min="771" max="771" width="15.21875" style="50" customWidth="1"/>
    <col min="772" max="772" width="15" style="50" customWidth="1"/>
    <col min="773" max="773" width="50.109375" style="50" customWidth="1"/>
    <col min="774" max="1025" width="9" style="50"/>
    <col min="1026" max="1026" width="4.33203125" style="50" customWidth="1"/>
    <col min="1027" max="1027" width="15.21875" style="50" customWidth="1"/>
    <col min="1028" max="1028" width="15" style="50" customWidth="1"/>
    <col min="1029" max="1029" width="50.109375" style="50" customWidth="1"/>
    <col min="1030" max="1281" width="9" style="50"/>
    <col min="1282" max="1282" width="4.33203125" style="50" customWidth="1"/>
    <col min="1283" max="1283" width="15.21875" style="50" customWidth="1"/>
    <col min="1284" max="1284" width="15" style="50" customWidth="1"/>
    <col min="1285" max="1285" width="50.109375" style="50" customWidth="1"/>
    <col min="1286" max="1537" width="9" style="50"/>
    <col min="1538" max="1538" width="4.33203125" style="50" customWidth="1"/>
    <col min="1539" max="1539" width="15.21875" style="50" customWidth="1"/>
    <col min="1540" max="1540" width="15" style="50" customWidth="1"/>
    <col min="1541" max="1541" width="50.109375" style="50" customWidth="1"/>
    <col min="1542" max="1793" width="9" style="50"/>
    <col min="1794" max="1794" width="4.33203125" style="50" customWidth="1"/>
    <col min="1795" max="1795" width="15.21875" style="50" customWidth="1"/>
    <col min="1796" max="1796" width="15" style="50" customWidth="1"/>
    <col min="1797" max="1797" width="50.109375" style="50" customWidth="1"/>
    <col min="1798" max="2049" width="9" style="50"/>
    <col min="2050" max="2050" width="4.33203125" style="50" customWidth="1"/>
    <col min="2051" max="2051" width="15.21875" style="50" customWidth="1"/>
    <col min="2052" max="2052" width="15" style="50" customWidth="1"/>
    <col min="2053" max="2053" width="50.109375" style="50" customWidth="1"/>
    <col min="2054" max="2305" width="9" style="50"/>
    <col min="2306" max="2306" width="4.33203125" style="50" customWidth="1"/>
    <col min="2307" max="2307" width="15.21875" style="50" customWidth="1"/>
    <col min="2308" max="2308" width="15" style="50" customWidth="1"/>
    <col min="2309" max="2309" width="50.109375" style="50" customWidth="1"/>
    <col min="2310" max="2561" width="9" style="50"/>
    <col min="2562" max="2562" width="4.33203125" style="50" customWidth="1"/>
    <col min="2563" max="2563" width="15.21875" style="50" customWidth="1"/>
    <col min="2564" max="2564" width="15" style="50" customWidth="1"/>
    <col min="2565" max="2565" width="50.109375" style="50" customWidth="1"/>
    <col min="2566" max="2817" width="9" style="50"/>
    <col min="2818" max="2818" width="4.33203125" style="50" customWidth="1"/>
    <col min="2819" max="2819" width="15.21875" style="50" customWidth="1"/>
    <col min="2820" max="2820" width="15" style="50" customWidth="1"/>
    <col min="2821" max="2821" width="50.109375" style="50" customWidth="1"/>
    <col min="2822" max="3073" width="9" style="50"/>
    <col min="3074" max="3074" width="4.33203125" style="50" customWidth="1"/>
    <col min="3075" max="3075" width="15.21875" style="50" customWidth="1"/>
    <col min="3076" max="3076" width="15" style="50" customWidth="1"/>
    <col min="3077" max="3077" width="50.109375" style="50" customWidth="1"/>
    <col min="3078" max="3329" width="9" style="50"/>
    <col min="3330" max="3330" width="4.33203125" style="50" customWidth="1"/>
    <col min="3331" max="3331" width="15.21875" style="50" customWidth="1"/>
    <col min="3332" max="3332" width="15" style="50" customWidth="1"/>
    <col min="3333" max="3333" width="50.109375" style="50" customWidth="1"/>
    <col min="3334" max="3585" width="9" style="50"/>
    <col min="3586" max="3586" width="4.33203125" style="50" customWidth="1"/>
    <col min="3587" max="3587" width="15.21875" style="50" customWidth="1"/>
    <col min="3588" max="3588" width="15" style="50" customWidth="1"/>
    <col min="3589" max="3589" width="50.109375" style="50" customWidth="1"/>
    <col min="3590" max="3841" width="9" style="50"/>
    <col min="3842" max="3842" width="4.33203125" style="50" customWidth="1"/>
    <col min="3843" max="3843" width="15.21875" style="50" customWidth="1"/>
    <col min="3844" max="3844" width="15" style="50" customWidth="1"/>
    <col min="3845" max="3845" width="50.109375" style="50" customWidth="1"/>
    <col min="3846" max="4097" width="9" style="50"/>
    <col min="4098" max="4098" width="4.33203125" style="50" customWidth="1"/>
    <col min="4099" max="4099" width="15.21875" style="50" customWidth="1"/>
    <col min="4100" max="4100" width="15" style="50" customWidth="1"/>
    <col min="4101" max="4101" width="50.109375" style="50" customWidth="1"/>
    <col min="4102" max="4353" width="9" style="50"/>
    <col min="4354" max="4354" width="4.33203125" style="50" customWidth="1"/>
    <col min="4355" max="4355" width="15.21875" style="50" customWidth="1"/>
    <col min="4356" max="4356" width="15" style="50" customWidth="1"/>
    <col min="4357" max="4357" width="50.109375" style="50" customWidth="1"/>
    <col min="4358" max="4609" width="9" style="50"/>
    <col min="4610" max="4610" width="4.33203125" style="50" customWidth="1"/>
    <col min="4611" max="4611" width="15.21875" style="50" customWidth="1"/>
    <col min="4612" max="4612" width="15" style="50" customWidth="1"/>
    <col min="4613" max="4613" width="50.109375" style="50" customWidth="1"/>
    <col min="4614" max="4865" width="9" style="50"/>
    <col min="4866" max="4866" width="4.33203125" style="50" customWidth="1"/>
    <col min="4867" max="4867" width="15.21875" style="50" customWidth="1"/>
    <col min="4868" max="4868" width="15" style="50" customWidth="1"/>
    <col min="4869" max="4869" width="50.109375" style="50" customWidth="1"/>
    <col min="4870" max="5121" width="9" style="50"/>
    <col min="5122" max="5122" width="4.33203125" style="50" customWidth="1"/>
    <col min="5123" max="5123" width="15.21875" style="50" customWidth="1"/>
    <col min="5124" max="5124" width="15" style="50" customWidth="1"/>
    <col min="5125" max="5125" width="50.109375" style="50" customWidth="1"/>
    <col min="5126" max="5377" width="9" style="50"/>
    <col min="5378" max="5378" width="4.33203125" style="50" customWidth="1"/>
    <col min="5379" max="5379" width="15.21875" style="50" customWidth="1"/>
    <col min="5380" max="5380" width="15" style="50" customWidth="1"/>
    <col min="5381" max="5381" width="50.109375" style="50" customWidth="1"/>
    <col min="5382" max="5633" width="9" style="50"/>
    <col min="5634" max="5634" width="4.33203125" style="50" customWidth="1"/>
    <col min="5635" max="5635" width="15.21875" style="50" customWidth="1"/>
    <col min="5636" max="5636" width="15" style="50" customWidth="1"/>
    <col min="5637" max="5637" width="50.109375" style="50" customWidth="1"/>
    <col min="5638" max="5889" width="9" style="50"/>
    <col min="5890" max="5890" width="4.33203125" style="50" customWidth="1"/>
    <col min="5891" max="5891" width="15.21875" style="50" customWidth="1"/>
    <col min="5892" max="5892" width="15" style="50" customWidth="1"/>
    <col min="5893" max="5893" width="50.109375" style="50" customWidth="1"/>
    <col min="5894" max="6145" width="9" style="50"/>
    <col min="6146" max="6146" width="4.33203125" style="50" customWidth="1"/>
    <col min="6147" max="6147" width="15.21875" style="50" customWidth="1"/>
    <col min="6148" max="6148" width="15" style="50" customWidth="1"/>
    <col min="6149" max="6149" width="50.109375" style="50" customWidth="1"/>
    <col min="6150" max="6401" width="9" style="50"/>
    <col min="6402" max="6402" width="4.33203125" style="50" customWidth="1"/>
    <col min="6403" max="6403" width="15.21875" style="50" customWidth="1"/>
    <col min="6404" max="6404" width="15" style="50" customWidth="1"/>
    <col min="6405" max="6405" width="50.109375" style="50" customWidth="1"/>
    <col min="6406" max="6657" width="9" style="50"/>
    <col min="6658" max="6658" width="4.33203125" style="50" customWidth="1"/>
    <col min="6659" max="6659" width="15.21875" style="50" customWidth="1"/>
    <col min="6660" max="6660" width="15" style="50" customWidth="1"/>
    <col min="6661" max="6661" width="50.109375" style="50" customWidth="1"/>
    <col min="6662" max="6913" width="9" style="50"/>
    <col min="6914" max="6914" width="4.33203125" style="50" customWidth="1"/>
    <col min="6915" max="6915" width="15.21875" style="50" customWidth="1"/>
    <col min="6916" max="6916" width="15" style="50" customWidth="1"/>
    <col min="6917" max="6917" width="50.109375" style="50" customWidth="1"/>
    <col min="6918" max="7169" width="9" style="50"/>
    <col min="7170" max="7170" width="4.33203125" style="50" customWidth="1"/>
    <col min="7171" max="7171" width="15.21875" style="50" customWidth="1"/>
    <col min="7172" max="7172" width="15" style="50" customWidth="1"/>
    <col min="7173" max="7173" width="50.109375" style="50" customWidth="1"/>
    <col min="7174" max="7425" width="9" style="50"/>
    <col min="7426" max="7426" width="4.33203125" style="50" customWidth="1"/>
    <col min="7427" max="7427" width="15.21875" style="50" customWidth="1"/>
    <col min="7428" max="7428" width="15" style="50" customWidth="1"/>
    <col min="7429" max="7429" width="50.109375" style="50" customWidth="1"/>
    <col min="7430" max="7681" width="9" style="50"/>
    <col min="7682" max="7682" width="4.33203125" style="50" customWidth="1"/>
    <col min="7683" max="7683" width="15.21875" style="50" customWidth="1"/>
    <col min="7684" max="7684" width="15" style="50" customWidth="1"/>
    <col min="7685" max="7685" width="50.109375" style="50" customWidth="1"/>
    <col min="7686" max="7937" width="9" style="50"/>
    <col min="7938" max="7938" width="4.33203125" style="50" customWidth="1"/>
    <col min="7939" max="7939" width="15.21875" style="50" customWidth="1"/>
    <col min="7940" max="7940" width="15" style="50" customWidth="1"/>
    <col min="7941" max="7941" width="50.109375" style="50" customWidth="1"/>
    <col min="7942" max="8193" width="9" style="50"/>
    <col min="8194" max="8194" width="4.33203125" style="50" customWidth="1"/>
    <col min="8195" max="8195" width="15.21875" style="50" customWidth="1"/>
    <col min="8196" max="8196" width="15" style="50" customWidth="1"/>
    <col min="8197" max="8197" width="50.109375" style="50" customWidth="1"/>
    <col min="8198" max="8449" width="9" style="50"/>
    <col min="8450" max="8450" width="4.33203125" style="50" customWidth="1"/>
    <col min="8451" max="8451" width="15.21875" style="50" customWidth="1"/>
    <col min="8452" max="8452" width="15" style="50" customWidth="1"/>
    <col min="8453" max="8453" width="50.109375" style="50" customWidth="1"/>
    <col min="8454" max="8705" width="9" style="50"/>
    <col min="8706" max="8706" width="4.33203125" style="50" customWidth="1"/>
    <col min="8707" max="8707" width="15.21875" style="50" customWidth="1"/>
    <col min="8708" max="8708" width="15" style="50" customWidth="1"/>
    <col min="8709" max="8709" width="50.109375" style="50" customWidth="1"/>
    <col min="8710" max="8961" width="9" style="50"/>
    <col min="8962" max="8962" width="4.33203125" style="50" customWidth="1"/>
    <col min="8963" max="8963" width="15.21875" style="50" customWidth="1"/>
    <col min="8964" max="8964" width="15" style="50" customWidth="1"/>
    <col min="8965" max="8965" width="50.109375" style="50" customWidth="1"/>
    <col min="8966" max="9217" width="9" style="50"/>
    <col min="9218" max="9218" width="4.33203125" style="50" customWidth="1"/>
    <col min="9219" max="9219" width="15.21875" style="50" customWidth="1"/>
    <col min="9220" max="9220" width="15" style="50" customWidth="1"/>
    <col min="9221" max="9221" width="50.109375" style="50" customWidth="1"/>
    <col min="9222" max="9473" width="9" style="50"/>
    <col min="9474" max="9474" width="4.33203125" style="50" customWidth="1"/>
    <col min="9475" max="9475" width="15.21875" style="50" customWidth="1"/>
    <col min="9476" max="9476" width="15" style="50" customWidth="1"/>
    <col min="9477" max="9477" width="50.109375" style="50" customWidth="1"/>
    <col min="9478" max="9729" width="9" style="50"/>
    <col min="9730" max="9730" width="4.33203125" style="50" customWidth="1"/>
    <col min="9731" max="9731" width="15.21875" style="50" customWidth="1"/>
    <col min="9732" max="9732" width="15" style="50" customWidth="1"/>
    <col min="9733" max="9733" width="50.109375" style="50" customWidth="1"/>
    <col min="9734" max="9985" width="9" style="50"/>
    <col min="9986" max="9986" width="4.33203125" style="50" customWidth="1"/>
    <col min="9987" max="9987" width="15.21875" style="50" customWidth="1"/>
    <col min="9988" max="9988" width="15" style="50" customWidth="1"/>
    <col min="9989" max="9989" width="50.109375" style="50" customWidth="1"/>
    <col min="9990" max="10241" width="9" style="50"/>
    <col min="10242" max="10242" width="4.33203125" style="50" customWidth="1"/>
    <col min="10243" max="10243" width="15.21875" style="50" customWidth="1"/>
    <col min="10244" max="10244" width="15" style="50" customWidth="1"/>
    <col min="10245" max="10245" width="50.109375" style="50" customWidth="1"/>
    <col min="10246" max="10497" width="9" style="50"/>
    <col min="10498" max="10498" width="4.33203125" style="50" customWidth="1"/>
    <col min="10499" max="10499" width="15.21875" style="50" customWidth="1"/>
    <col min="10500" max="10500" width="15" style="50" customWidth="1"/>
    <col min="10501" max="10501" width="50.109375" style="50" customWidth="1"/>
    <col min="10502" max="10753" width="9" style="50"/>
    <col min="10754" max="10754" width="4.33203125" style="50" customWidth="1"/>
    <col min="10755" max="10755" width="15.21875" style="50" customWidth="1"/>
    <col min="10756" max="10756" width="15" style="50" customWidth="1"/>
    <col min="10757" max="10757" width="50.109375" style="50" customWidth="1"/>
    <col min="10758" max="11009" width="9" style="50"/>
    <col min="11010" max="11010" width="4.33203125" style="50" customWidth="1"/>
    <col min="11011" max="11011" width="15.21875" style="50" customWidth="1"/>
    <col min="11012" max="11012" width="15" style="50" customWidth="1"/>
    <col min="11013" max="11013" width="50.109375" style="50" customWidth="1"/>
    <col min="11014" max="11265" width="9" style="50"/>
    <col min="11266" max="11266" width="4.33203125" style="50" customWidth="1"/>
    <col min="11267" max="11267" width="15.21875" style="50" customWidth="1"/>
    <col min="11268" max="11268" width="15" style="50" customWidth="1"/>
    <col min="11269" max="11269" width="50.109375" style="50" customWidth="1"/>
    <col min="11270" max="11521" width="9" style="50"/>
    <col min="11522" max="11522" width="4.33203125" style="50" customWidth="1"/>
    <col min="11523" max="11523" width="15.21875" style="50" customWidth="1"/>
    <col min="11524" max="11524" width="15" style="50" customWidth="1"/>
    <col min="11525" max="11525" width="50.109375" style="50" customWidth="1"/>
    <col min="11526" max="11777" width="9" style="50"/>
    <col min="11778" max="11778" width="4.33203125" style="50" customWidth="1"/>
    <col min="11779" max="11779" width="15.21875" style="50" customWidth="1"/>
    <col min="11780" max="11780" width="15" style="50" customWidth="1"/>
    <col min="11781" max="11781" width="50.109375" style="50" customWidth="1"/>
    <col min="11782" max="12033" width="9" style="50"/>
    <col min="12034" max="12034" width="4.33203125" style="50" customWidth="1"/>
    <col min="12035" max="12035" width="15.21875" style="50" customWidth="1"/>
    <col min="12036" max="12036" width="15" style="50" customWidth="1"/>
    <col min="12037" max="12037" width="50.109375" style="50" customWidth="1"/>
    <col min="12038" max="12289" width="9" style="50"/>
    <col min="12290" max="12290" width="4.33203125" style="50" customWidth="1"/>
    <col min="12291" max="12291" width="15.21875" style="50" customWidth="1"/>
    <col min="12292" max="12292" width="15" style="50" customWidth="1"/>
    <col min="12293" max="12293" width="50.109375" style="50" customWidth="1"/>
    <col min="12294" max="12545" width="9" style="50"/>
    <col min="12546" max="12546" width="4.33203125" style="50" customWidth="1"/>
    <col min="12547" max="12547" width="15.21875" style="50" customWidth="1"/>
    <col min="12548" max="12548" width="15" style="50" customWidth="1"/>
    <col min="12549" max="12549" width="50.109375" style="50" customWidth="1"/>
    <col min="12550" max="12801" width="9" style="50"/>
    <col min="12802" max="12802" width="4.33203125" style="50" customWidth="1"/>
    <col min="12803" max="12803" width="15.21875" style="50" customWidth="1"/>
    <col min="12804" max="12804" width="15" style="50" customWidth="1"/>
    <col min="12805" max="12805" width="50.109375" style="50" customWidth="1"/>
    <col min="12806" max="13057" width="9" style="50"/>
    <col min="13058" max="13058" width="4.33203125" style="50" customWidth="1"/>
    <col min="13059" max="13059" width="15.21875" style="50" customWidth="1"/>
    <col min="13060" max="13060" width="15" style="50" customWidth="1"/>
    <col min="13061" max="13061" width="50.109375" style="50" customWidth="1"/>
    <col min="13062" max="13313" width="9" style="50"/>
    <col min="13314" max="13314" width="4.33203125" style="50" customWidth="1"/>
    <col min="13315" max="13315" width="15.21875" style="50" customWidth="1"/>
    <col min="13316" max="13316" width="15" style="50" customWidth="1"/>
    <col min="13317" max="13317" width="50.109375" style="50" customWidth="1"/>
    <col min="13318" max="13569" width="9" style="50"/>
    <col min="13570" max="13570" width="4.33203125" style="50" customWidth="1"/>
    <col min="13571" max="13571" width="15.21875" style="50" customWidth="1"/>
    <col min="13572" max="13572" width="15" style="50" customWidth="1"/>
    <col min="13573" max="13573" width="50.109375" style="50" customWidth="1"/>
    <col min="13574" max="13825" width="9" style="50"/>
    <col min="13826" max="13826" width="4.33203125" style="50" customWidth="1"/>
    <col min="13827" max="13827" width="15.21875" style="50" customWidth="1"/>
    <col min="13828" max="13828" width="15" style="50" customWidth="1"/>
    <col min="13829" max="13829" width="50.109375" style="50" customWidth="1"/>
    <col min="13830" max="14081" width="9" style="50"/>
    <col min="14082" max="14082" width="4.33203125" style="50" customWidth="1"/>
    <col min="14083" max="14083" width="15.21875" style="50" customWidth="1"/>
    <col min="14084" max="14084" width="15" style="50" customWidth="1"/>
    <col min="14085" max="14085" width="50.109375" style="50" customWidth="1"/>
    <col min="14086" max="14337" width="9" style="50"/>
    <col min="14338" max="14338" width="4.33203125" style="50" customWidth="1"/>
    <col min="14339" max="14339" width="15.21875" style="50" customWidth="1"/>
    <col min="14340" max="14340" width="15" style="50" customWidth="1"/>
    <col min="14341" max="14341" width="50.109375" style="50" customWidth="1"/>
    <col min="14342" max="14593" width="9" style="50"/>
    <col min="14594" max="14594" width="4.33203125" style="50" customWidth="1"/>
    <col min="14595" max="14595" width="15.21875" style="50" customWidth="1"/>
    <col min="14596" max="14596" width="15" style="50" customWidth="1"/>
    <col min="14597" max="14597" width="50.109375" style="50" customWidth="1"/>
    <col min="14598" max="14849" width="9" style="50"/>
    <col min="14850" max="14850" width="4.33203125" style="50" customWidth="1"/>
    <col min="14851" max="14851" width="15.21875" style="50" customWidth="1"/>
    <col min="14852" max="14852" width="15" style="50" customWidth="1"/>
    <col min="14853" max="14853" width="50.109375" style="50" customWidth="1"/>
    <col min="14854" max="15105" width="9" style="50"/>
    <col min="15106" max="15106" width="4.33203125" style="50" customWidth="1"/>
    <col min="15107" max="15107" width="15.21875" style="50" customWidth="1"/>
    <col min="15108" max="15108" width="15" style="50" customWidth="1"/>
    <col min="15109" max="15109" width="50.109375" style="50" customWidth="1"/>
    <col min="15110" max="15361" width="9" style="50"/>
    <col min="15362" max="15362" width="4.33203125" style="50" customWidth="1"/>
    <col min="15363" max="15363" width="15.21875" style="50" customWidth="1"/>
    <col min="15364" max="15364" width="15" style="50" customWidth="1"/>
    <col min="15365" max="15365" width="50.109375" style="50" customWidth="1"/>
    <col min="15366" max="15617" width="9" style="50"/>
    <col min="15618" max="15618" width="4.33203125" style="50" customWidth="1"/>
    <col min="15619" max="15619" width="15.21875" style="50" customWidth="1"/>
    <col min="15620" max="15620" width="15" style="50" customWidth="1"/>
    <col min="15621" max="15621" width="50.109375" style="50" customWidth="1"/>
    <col min="15622" max="15873" width="9" style="50"/>
    <col min="15874" max="15874" width="4.33203125" style="50" customWidth="1"/>
    <col min="15875" max="15875" width="15.21875" style="50" customWidth="1"/>
    <col min="15876" max="15876" width="15" style="50" customWidth="1"/>
    <col min="15877" max="15877" width="50.109375" style="50" customWidth="1"/>
    <col min="15878" max="16129" width="9" style="50"/>
    <col min="16130" max="16130" width="4.33203125" style="50" customWidth="1"/>
    <col min="16131" max="16131" width="15.21875" style="50" customWidth="1"/>
    <col min="16132" max="16132" width="15" style="50" customWidth="1"/>
    <col min="16133" max="16133" width="50.109375" style="50" customWidth="1"/>
    <col min="16134" max="16384" width="9" style="50"/>
  </cols>
  <sheetData>
    <row r="2" spans="2:11" s="66" customFormat="1" ht="14.4">
      <c r="B2" s="66" t="s">
        <v>21</v>
      </c>
      <c r="K2" s="67"/>
    </row>
    <row r="3" spans="2:11" ht="14.4">
      <c r="B3" s="105" t="s">
        <v>34</v>
      </c>
      <c r="C3" s="105"/>
      <c r="D3" s="105"/>
      <c r="E3" s="105"/>
    </row>
    <row r="4" spans="2:11" ht="14.4">
      <c r="B4" s="63"/>
      <c r="C4" s="63"/>
      <c r="D4" s="63"/>
      <c r="E4" s="63"/>
    </row>
    <row r="5" spans="2:11" ht="14.4">
      <c r="C5" s="68"/>
      <c r="D5" s="68"/>
      <c r="E5" s="51" t="s">
        <v>16</v>
      </c>
    </row>
    <row r="6" spans="2:11" ht="14.4">
      <c r="B6" s="52" t="s">
        <v>20</v>
      </c>
      <c r="C6" s="53"/>
      <c r="D6" s="53"/>
      <c r="E6" s="53"/>
    </row>
    <row r="7" spans="2:11">
      <c r="B7" s="54"/>
      <c r="C7" s="54"/>
      <c r="D7" s="54"/>
      <c r="E7" s="55" t="s">
        <v>17</v>
      </c>
    </row>
    <row r="8" spans="2:11">
      <c r="B8" s="106" t="s">
        <v>3</v>
      </c>
      <c r="C8" s="102"/>
      <c r="D8" s="56" t="s">
        <v>28</v>
      </c>
      <c r="E8" s="56" t="s">
        <v>18</v>
      </c>
    </row>
    <row r="9" spans="2:11" ht="45" customHeight="1">
      <c r="B9" s="107" t="s">
        <v>25</v>
      </c>
      <c r="C9" s="108"/>
      <c r="D9" s="69"/>
      <c r="E9" s="57"/>
    </row>
    <row r="10" spans="2:11" ht="45" customHeight="1">
      <c r="B10" s="106"/>
      <c r="C10" s="102"/>
      <c r="D10" s="69"/>
      <c r="E10" s="57"/>
    </row>
    <row r="11" spans="2:11" ht="45" customHeight="1">
      <c r="B11" s="101" t="s">
        <v>26</v>
      </c>
      <c r="C11" s="102"/>
      <c r="D11" s="69"/>
      <c r="E11" s="57"/>
    </row>
    <row r="12" spans="2:11" ht="45" customHeight="1">
      <c r="B12" s="99"/>
      <c r="C12" s="100"/>
      <c r="D12" s="70"/>
      <c r="E12" s="71"/>
    </row>
    <row r="13" spans="2:11" ht="45" customHeight="1">
      <c r="B13" s="101" t="s">
        <v>27</v>
      </c>
      <c r="C13" s="102"/>
      <c r="D13" s="69"/>
      <c r="E13" s="57"/>
    </row>
    <row r="14" spans="2:11" ht="45" customHeight="1">
      <c r="B14" s="95"/>
      <c r="C14" s="96"/>
      <c r="D14" s="69"/>
      <c r="E14" s="57"/>
    </row>
    <row r="15" spans="2:11" ht="45" customHeight="1">
      <c r="B15" s="103"/>
      <c r="C15" s="104"/>
      <c r="D15" s="72"/>
      <c r="E15" s="58"/>
    </row>
    <row r="16" spans="2:11" ht="45" customHeight="1">
      <c r="B16" s="95"/>
      <c r="C16" s="96"/>
      <c r="D16" s="69"/>
      <c r="E16" s="57"/>
    </row>
    <row r="17" spans="2:5" ht="45" customHeight="1">
      <c r="B17" s="103"/>
      <c r="C17" s="104"/>
      <c r="D17" s="72"/>
      <c r="E17" s="58"/>
    </row>
    <row r="18" spans="2:5" ht="45" customHeight="1">
      <c r="B18" s="95"/>
      <c r="C18" s="96"/>
      <c r="D18" s="69"/>
      <c r="E18" s="57"/>
    </row>
    <row r="19" spans="2:5" ht="45" customHeight="1">
      <c r="B19" s="95"/>
      <c r="C19" s="96"/>
      <c r="D19" s="69"/>
      <c r="E19" s="57"/>
    </row>
    <row r="20" spans="2:5" ht="45" customHeight="1" thickBot="1">
      <c r="B20" s="97"/>
      <c r="C20" s="98"/>
      <c r="D20" s="73"/>
      <c r="E20" s="59"/>
    </row>
    <row r="21" spans="2:5" ht="13.8" thickTop="1">
      <c r="B21" s="99" t="s">
        <v>19</v>
      </c>
      <c r="C21" s="100"/>
      <c r="D21" s="74">
        <f>SUM(D9:D20)</f>
        <v>0</v>
      </c>
      <c r="E21" s="60"/>
    </row>
    <row r="22" spans="2:5">
      <c r="B22" s="54" t="s">
        <v>22</v>
      </c>
      <c r="C22" s="54"/>
      <c r="D22" s="54"/>
      <c r="E22" s="54"/>
    </row>
  </sheetData>
  <mergeCells count="15">
    <mergeCell ref="B12:C12"/>
    <mergeCell ref="B3:E3"/>
    <mergeCell ref="B8:C8"/>
    <mergeCell ref="B9:C9"/>
    <mergeCell ref="B10:C10"/>
    <mergeCell ref="B11:C11"/>
    <mergeCell ref="B19:C19"/>
    <mergeCell ref="B20:C20"/>
    <mergeCell ref="B21:C21"/>
    <mergeCell ref="B13:C13"/>
    <mergeCell ref="B14:C14"/>
    <mergeCell ref="B15:C15"/>
    <mergeCell ref="B16:C16"/>
    <mergeCell ref="B17:C17"/>
    <mergeCell ref="B18:C18"/>
  </mergeCells>
  <phoneticPr fontId="1"/>
  <pageMargins left="0.7" right="0.7" top="0.75" bottom="0.75" header="0.3" footer="0.3"/>
  <pageSetup paperSize="9"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3-1</vt:lpstr>
      <vt:lpstr>3-2</vt:lpstr>
      <vt:lpstr>'3-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中山 和秀</dc:creator>
  <cp:lastModifiedBy>user</cp:lastModifiedBy>
  <cp:lastPrinted>2026-03-31T02:36:22Z</cp:lastPrinted>
  <dcterms:created xsi:type="dcterms:W3CDTF">1997-01-08T22:48:59Z</dcterms:created>
  <dcterms:modified xsi:type="dcterms:W3CDTF">2026-03-31T04:11:51Z</dcterms:modified>
</cp:coreProperties>
</file>